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9 - PRESUPUESTO 2026\00 - Ejecución Presupuestaria Mensual\04 ABRIL\PAGINA WEB\"/>
    </mc:Choice>
  </mc:AlternateContent>
  <bookViews>
    <workbookView xWindow="32760" yWindow="32760" windowWidth="15600" windowHeight="11505" tabRatio="640"/>
  </bookViews>
  <sheets>
    <sheet name="Ingresos" sheetId="58" r:id="rId1"/>
    <sheet name="GRUPO DE GASTOS" sheetId="48" r:id="rId2"/>
    <sheet name="Por Prog-Subpr" sheetId="49" r:id="rId3"/>
    <sheet name="Por O.G." sheetId="66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_XX17">[1]CONSUMO!#REF!</definedName>
    <definedName name="__XX17">[1]CONSUMO!#REF!</definedName>
    <definedName name="_XX17">[1]CONSUMO!#REF!</definedName>
    <definedName name="_xlnm.Print_Area" localSheetId="4">'Anexo del Personal'!$A$1:$I$16</definedName>
    <definedName name="_xlnm.Print_Area" localSheetId="1">'GRUPO DE GASTOS'!$A$1:$L$31</definedName>
    <definedName name="_xlnm.Print_Area" localSheetId="0">Ingresos!$A$1:$F$48</definedName>
    <definedName name="_xlnm.Print_Area" localSheetId="3">'Por O.G.'!$A$1:$H$125</definedName>
    <definedName name="_xlnm.Print_Area" localSheetId="2">'Por Prog-Subpr'!$A$1:$E$40</definedName>
    <definedName name="asa" localSheetId="3">[2]CONSUMO!#REF!</definedName>
    <definedName name="asa">[2]CONSUMO!#REF!</definedName>
    <definedName name="_xlnm.Database" localSheetId="0">#REF!</definedName>
    <definedName name="_xlnm.Database" localSheetId="3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 localSheetId="3">[2]CONSUMO!#REF!</definedName>
    <definedName name="datos">[2]CONSUMO!#REF!</definedName>
    <definedName name="datos_10" localSheetId="4">[2]CONSUMO!#REF!</definedName>
    <definedName name="datos_10" localSheetId="3">[2]CONSUMO!#REF!</definedName>
    <definedName name="datos_10">[2]CONSUMO!#REF!</definedName>
    <definedName name="datos_12" localSheetId="4">[4]CONSUMO!#REF!</definedName>
    <definedName name="datos_12" localSheetId="3">[4]CONSUMO!#REF!</definedName>
    <definedName name="datos_12">[4]CONSUMO!#REF!</definedName>
    <definedName name="datos_13" localSheetId="4">[4]CONSUMO!#REF!</definedName>
    <definedName name="datos_13" localSheetId="3">[4]CONSUMO!#REF!</definedName>
    <definedName name="datos_13">[4]CONSUMO!#REF!</definedName>
    <definedName name="datos_14" localSheetId="4">[4]CONSUMO!#REF!</definedName>
    <definedName name="datos_14" localSheetId="3">[4]CONSUMO!#REF!</definedName>
    <definedName name="datos_14">[4]CONSUMO!#REF!</definedName>
    <definedName name="datos_15" localSheetId="4">[4]CONSUMO!#REF!</definedName>
    <definedName name="datos_15" localSheetId="3">[4]CONSUMO!#REF!</definedName>
    <definedName name="datos_15">[4]CONSUMO!#REF!</definedName>
    <definedName name="datos_16" localSheetId="4">[4]CONSUMO!#REF!</definedName>
    <definedName name="datos_16" localSheetId="3">[4]CONSUMO!#REF!</definedName>
    <definedName name="datos_16">[4]CONSUMO!#REF!</definedName>
    <definedName name="datos_5" localSheetId="4">[5]CONSUMO!#REF!</definedName>
    <definedName name="datos_5" localSheetId="3">[5]CONSUMO!#REF!</definedName>
    <definedName name="datos_5">[5]CONSUMO!#REF!</definedName>
    <definedName name="datos_8" localSheetId="4">[2]CONSUMO!#REF!</definedName>
    <definedName name="datos_8" localSheetId="3">[2]CONSUMO!#REF!</definedName>
    <definedName name="datos_8">[2]CONSUMO!#REF!</definedName>
    <definedName name="datos_9" localSheetId="4">[2]CONSUMO!#REF!</definedName>
    <definedName name="datos_9" localSheetId="3">[2]CONSUMO!#REF!</definedName>
    <definedName name="datos_9">[2]CONSUMO!#REF!</definedName>
    <definedName name="Excel_BuiltIn_Database" localSheetId="4">#REF!</definedName>
    <definedName name="Excel_BuiltIn_Database" localSheetId="3">#REF!</definedName>
    <definedName name="Excel_BuiltIn_Database">#REF!</definedName>
    <definedName name="Excel_BuiltIn_Database_12" localSheetId="4">#REF!</definedName>
    <definedName name="Excel_BuiltIn_Database_12" localSheetId="3">#REF!</definedName>
    <definedName name="Excel_BuiltIn_Database_12">#REF!</definedName>
    <definedName name="Excel_BuiltIn_Database_13" localSheetId="4">#REF!</definedName>
    <definedName name="Excel_BuiltIn_Database_13" localSheetId="3">#REF!</definedName>
    <definedName name="Excel_BuiltIn_Database_13">#REF!</definedName>
    <definedName name="Excel_BuiltIn_Database_14" localSheetId="4">#REF!</definedName>
    <definedName name="Excel_BuiltIn_Database_14" localSheetId="3">#REF!</definedName>
    <definedName name="Excel_BuiltIn_Database_14">#REF!</definedName>
    <definedName name="Excel_BuiltIn_Database_15" localSheetId="4">#REF!</definedName>
    <definedName name="Excel_BuiltIn_Database_15" localSheetId="3">#REF!</definedName>
    <definedName name="Excel_BuiltIn_Database_15">#REF!</definedName>
    <definedName name="Excel_BuiltIn_Database_16" localSheetId="4">#REF!</definedName>
    <definedName name="Excel_BuiltIn_Database_16" localSheetId="3">#REF!</definedName>
    <definedName name="Excel_BuiltIn_Database_16">#REF!</definedName>
    <definedName name="Excel_BuiltIn_Database_5" localSheetId="4">#REF!</definedName>
    <definedName name="Excel_BuiltIn_Database_5" localSheetId="3">#REF!</definedName>
    <definedName name="Excel_BuiltIn_Database_5">#REF!</definedName>
    <definedName name="FF" localSheetId="3">[2]CONSUMO!#REF!</definedName>
    <definedName name="FF">[2]CONSUMO!#REF!</definedName>
    <definedName name="hhh" localSheetId="4">[2]CONSUMO!#REF!</definedName>
    <definedName name="hhh" localSheetId="3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#REF!</definedName>
    <definedName name="_xlnm.Print_Titles" localSheetId="3">'Por O.G.'!$5:$8</definedName>
    <definedName name="WEHKR3QUW">[1]CONSUMO!#REF!</definedName>
    <definedName name="xx" localSheetId="4">[1]CONSUMO!#REF!</definedName>
    <definedName name="xx" localSheetId="0">[1]CONSUMO!#REF!</definedName>
    <definedName name="xx" localSheetId="3">[1]CONSUMO!#REF!</definedName>
    <definedName name="xx">[1]CONSUMO!#REF!</definedName>
    <definedName name="xx_1" localSheetId="4">[1]CONSUMO!#REF!</definedName>
    <definedName name="xx_1" localSheetId="3">[1]CONSUMO!#REF!</definedName>
    <definedName name="xx_1">[1]CONSUMO!#REF!</definedName>
    <definedName name="xx_10" localSheetId="4">[1]CONSUMO!#REF!</definedName>
    <definedName name="xx_10" localSheetId="3">[1]CONSUMO!#REF!</definedName>
    <definedName name="xx_10">[1]CONSUMO!#REF!</definedName>
    <definedName name="xx_13" localSheetId="4">[1]CONSUMO!#REF!</definedName>
    <definedName name="xx_13" localSheetId="3">[1]CONSUMO!#REF!</definedName>
    <definedName name="xx_13">[1]CONSUMO!#REF!</definedName>
    <definedName name="xx_14" localSheetId="4">[1]CONSUMO!#REF!</definedName>
    <definedName name="xx_14" localSheetId="3">[1]CONSUMO!#REF!</definedName>
    <definedName name="xx_14">[1]CONSUMO!#REF!</definedName>
    <definedName name="xx_15" localSheetId="4">[1]CONSUMO!#REF!</definedName>
    <definedName name="xx_15" localSheetId="3">[1]CONSUMO!#REF!</definedName>
    <definedName name="xx_15">[1]CONSUMO!#REF!</definedName>
    <definedName name="xx_16" localSheetId="4">[1]CONSUMO!#REF!</definedName>
    <definedName name="xx_16" localSheetId="3">[1]CONSUMO!#REF!</definedName>
    <definedName name="xx_16">[1]CONSUMO!#REF!</definedName>
    <definedName name="xx_8" localSheetId="4">[1]CONSUMO!#REF!</definedName>
    <definedName name="xx_8" localSheetId="3">[1]CONSUMO!#REF!</definedName>
    <definedName name="xx_8">[1]CONSUMO!#REF!</definedName>
    <definedName name="xx_9" localSheetId="4">[1]CONSUMO!#REF!</definedName>
    <definedName name="xx_9" localSheetId="3">[1]CONSUMO!#REF!</definedName>
    <definedName name="xx_9">[1]CONSUMO!#REF!</definedName>
    <definedName name="Z_21D6481E_598B_48E6_9283_F3828EC0B857_.wvu.PrintArea" localSheetId="0" hidden="1">Ingresos!$A$7:$A$45</definedName>
    <definedName name="Z_21D6481E_598B_48E6_9283_F3828EC0B857_.wvu.PrintTitles" localSheetId="0" hidden="1">Ingresos!$A:$A,Ingresos!$7:$45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7:$A$45</definedName>
    <definedName name="Z_2B9772C5_53CE_4F97_9968_ACFE64B71936_.wvu.PrintTitles" localSheetId="0" hidden="1">Ingresos!$A:$A,Ingresos!$7:$45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7:$E$47</definedName>
    <definedName name="Z_3110F4FE_9BEE_4CAB_AC42_412ECDE4641E_.wvu.PrintTitles" localSheetId="0" hidden="1">Ingresos!$A:$A,Ingresos!$7:$45</definedName>
    <definedName name="Z_58949581_DA5F_4F95_865C_EB809DB677FB_.wvu.PrintArea" localSheetId="0" hidden="1">Ingresos!$A$7:$D$47</definedName>
    <definedName name="Z_58949581_DA5F_4F95_865C_EB809DB677FB_.wvu.PrintTitles" localSheetId="0" hidden="1">Ingresos!$A:$A,Ingresos!$7:$45</definedName>
    <definedName name="Z_5D2687A3_2043_491C_A066_EF674CC0BD70_.wvu.PrintArea" localSheetId="3" hidden="1">'Por O.G.'!$A$1:$H$125</definedName>
    <definedName name="Z_5D2687A3_2043_491C_A066_EF674CC0BD70_.wvu.PrintTitles" localSheetId="3" hidden="1">'Por O.G.'!$5:$8</definedName>
    <definedName name="Z_696BAF98_B7C5_4957_A193_4796C8BB67EB_.wvu.PrintArea" localSheetId="3" hidden="1">'Por O.G.'!$A$1:$H$125</definedName>
    <definedName name="Z_696BAF98_B7C5_4957_A193_4796C8BB67EB_.wvu.PrintTitles" localSheetId="3" hidden="1">'Por O.G.'!$5:$8</definedName>
    <definedName name="Z_88200AA8_E94B_4FE6_A6CB_57A3B4B9162A_.wvu.Cols" localSheetId="0" hidden="1">Ingresos!$C:$D</definedName>
    <definedName name="Z_88200AA8_E94B_4FE6_A6CB_57A3B4B9162A_.wvu.PrintArea" localSheetId="0" hidden="1">Ingresos!$A$7:$E$47</definedName>
    <definedName name="Z_88200AA8_E94B_4FE6_A6CB_57A3B4B9162A_.wvu.PrintTitles" localSheetId="0" hidden="1">Ingresos!$A:$A,Ingresos!$7:$45</definedName>
    <definedName name="Z_9320E776_A0BC_4A9F_A50B_A79698244576_.wvu.PrintArea" localSheetId="3" hidden="1">'Por O.G.'!$A$1:$H$125</definedName>
    <definedName name="Z_9320E776_A0BC_4A9F_A50B_A79698244576_.wvu.PrintTitles" localSheetId="3" hidden="1">'Por O.G.'!$5:$8</definedName>
    <definedName name="Z_A0127ABF_7D01_48B8_B7F5_AF26D0B1AE7E_.wvu.Cols" localSheetId="0" hidden="1">Ingresos!$C:$D</definedName>
    <definedName name="Z_A0127ABF_7D01_48B8_B7F5_AF26D0B1AE7E_.wvu.PrintArea" localSheetId="0" hidden="1">Ingresos!$A$7:$E$47</definedName>
    <definedName name="Z_A0127ABF_7D01_48B8_B7F5_AF26D0B1AE7E_.wvu.PrintTitles" localSheetId="0" hidden="1">Ingresos!$A:$A,Ingresos!$7:$45</definedName>
    <definedName name="Z_BDF6CD46_417E_49E1_B163_7EA71FF7420D_.wvu.PrintArea" localSheetId="3" hidden="1">'Por O.G.'!$A$1:$H$125</definedName>
    <definedName name="Z_BDF6CD46_417E_49E1_B163_7EA71FF7420D_.wvu.PrintTitles" localSheetId="3" hidden="1">'Por O.G.'!$5:$8</definedName>
    <definedName name="Z_C111CF17_5A57_4C1E_8FCC_779836B99692_.wvu.Cols" localSheetId="0" hidden="1">Ingresos!$C:$D</definedName>
    <definedName name="Z_C111CF17_5A57_4C1E_8FCC_779836B99692_.wvu.PrintArea" localSheetId="0" hidden="1">Ingresos!$A$7:$E$47</definedName>
    <definedName name="Z_C111CF17_5A57_4C1E_8FCC_779836B99692_.wvu.PrintTitles" localSheetId="0" hidden="1">Ingresos!$A:$A,Ingresos!$7:$45</definedName>
    <definedName name="Z_E18D3262_AEE3_4A15_A6B2_D6477EEAB063_.wvu.PrintArea" localSheetId="0" hidden="1">Ingresos!$A$7:$D$47</definedName>
    <definedName name="Z_E18D3262_AEE3_4A15_A6B2_D6477EEAB063_.wvu.PrintTitles" localSheetId="0" hidden="1">Ingresos!$A:$A,Ingresos!$7:$45</definedName>
    <definedName name="Z_EEA9B430_A201_47A6_9EDE_B70F90ADB751_.wvu.PrintArea" localSheetId="3" hidden="1">'Por O.G.'!$A$5:$H$125</definedName>
    <definedName name="Z_EEA9B430_A201_47A6_9EDE_B70F90ADB751_.wvu.PrintTitles" localSheetId="3" hidden="1">'Por O.G.'!$5:$8</definedName>
    <definedName name="Z_EEA9B430_A201_47A6_9EDE_B70F90ADB751_.wvu.Rows" localSheetId="3" hidden="1">'Por O.G.'!#REF!,'Por O.G.'!#REF!,'Por O.G.'!#REF!</definedName>
    <definedName name="Z_F2307B89_D0DD_47A5_AFB3_3C3E99FB683B_.wvu.Cols" localSheetId="3" hidden="1">'Por O.G.'!$D:$D</definedName>
    <definedName name="Z_F2307B89_D0DD_47A5_AFB3_3C3E99FB683B_.wvu.PrintArea" localSheetId="3" hidden="1">'Por O.G.'!$A$1:$H$125</definedName>
    <definedName name="Z_F2307B89_D0DD_47A5_AFB3_3C3E99FB683B_.wvu.PrintTitles" localSheetId="3" hidden="1">'Por O.G.'!$5:$8</definedName>
    <definedName name="Z_FF463FF4_16A9_48CA_9F67_D6C4B73D9118_.wvu.Cols" localSheetId="0" hidden="1">Ingresos!$C:$D</definedName>
    <definedName name="Z_FF463FF4_16A9_48CA_9F67_D6C4B73D9118_.wvu.PrintArea" localSheetId="0" hidden="1">Ingresos!$A$7:$E$47</definedName>
    <definedName name="Z_FF463FF4_16A9_48CA_9F67_D6C4B73D9118_.wvu.PrintTitles" localSheetId="0" hidden="1">Ingresos!$A:$A,Ingresos!$7:$45</definedName>
  </definedNames>
  <calcPr calcId="162913"/>
</workbook>
</file>

<file path=xl/calcChain.xml><?xml version="1.0" encoding="utf-8"?>
<calcChain xmlns="http://schemas.openxmlformats.org/spreadsheetml/2006/main">
  <c r="A15" i="44" l="1"/>
  <c r="A12" i="44"/>
  <c r="H127" i="66"/>
  <c r="G127" i="66"/>
  <c r="F127" i="66"/>
  <c r="E127" i="66"/>
  <c r="D127" i="66"/>
  <c r="C127" i="66"/>
  <c r="H124" i="66"/>
  <c r="G124" i="66"/>
  <c r="E124" i="66"/>
  <c r="H123" i="66"/>
  <c r="G123" i="66"/>
  <c r="E123" i="66"/>
  <c r="E122" i="66"/>
  <c r="H122" i="66" s="1"/>
  <c r="F121" i="66"/>
  <c r="D121" i="66"/>
  <c r="C121" i="66"/>
  <c r="H120" i="66"/>
  <c r="G120" i="66"/>
  <c r="E120" i="66"/>
  <c r="E119" i="66"/>
  <c r="E115" i="66" s="1"/>
  <c r="H115" i="66" s="1"/>
  <c r="H118" i="66"/>
  <c r="E118" i="66"/>
  <c r="G118" i="66" s="1"/>
  <c r="H117" i="66"/>
  <c r="G117" i="66"/>
  <c r="E117" i="66"/>
  <c r="H116" i="66"/>
  <c r="G116" i="66"/>
  <c r="E116" i="66"/>
  <c r="F115" i="66"/>
  <c r="D115" i="66"/>
  <c r="C115" i="66"/>
  <c r="H114" i="66"/>
  <c r="G114" i="66"/>
  <c r="E114" i="66"/>
  <c r="H113" i="66"/>
  <c r="G113" i="66"/>
  <c r="G112" i="66" s="1"/>
  <c r="E113" i="66"/>
  <c r="F112" i="66"/>
  <c r="E112" i="66"/>
  <c r="H112" i="66" s="1"/>
  <c r="D112" i="66"/>
  <c r="C112" i="66"/>
  <c r="H111" i="66"/>
  <c r="G111" i="66"/>
  <c r="E111" i="66"/>
  <c r="H110" i="66"/>
  <c r="G110" i="66"/>
  <c r="E110" i="66"/>
  <c r="E109" i="66"/>
  <c r="H109" i="66" s="1"/>
  <c r="H108" i="66"/>
  <c r="E108" i="66"/>
  <c r="G108" i="66" s="1"/>
  <c r="H107" i="66"/>
  <c r="G107" i="66"/>
  <c r="E107" i="66"/>
  <c r="H106" i="66"/>
  <c r="G106" i="66"/>
  <c r="E106" i="66"/>
  <c r="E105" i="66"/>
  <c r="H105" i="66" s="1"/>
  <c r="H104" i="66"/>
  <c r="E104" i="66"/>
  <c r="G104" i="66" s="1"/>
  <c r="H103" i="66"/>
  <c r="G103" i="66"/>
  <c r="E103" i="66"/>
  <c r="H102" i="66"/>
  <c r="G102" i="66"/>
  <c r="E102" i="66"/>
  <c r="E101" i="66"/>
  <c r="H101" i="66" s="1"/>
  <c r="H100" i="66"/>
  <c r="E100" i="66"/>
  <c r="G100" i="66" s="1"/>
  <c r="H99" i="66"/>
  <c r="G99" i="66"/>
  <c r="E99" i="66"/>
  <c r="H98" i="66"/>
  <c r="G98" i="66"/>
  <c r="E98" i="66"/>
  <c r="E97" i="66"/>
  <c r="E93" i="66" s="1"/>
  <c r="H93" i="66" s="1"/>
  <c r="H96" i="66"/>
  <c r="E96" i="66"/>
  <c r="G96" i="66" s="1"/>
  <c r="H95" i="66"/>
  <c r="G95" i="66"/>
  <c r="E95" i="66"/>
  <c r="H94" i="66"/>
  <c r="G94" i="66"/>
  <c r="E94" i="66"/>
  <c r="F93" i="66"/>
  <c r="D93" i="66"/>
  <c r="C93" i="66"/>
  <c r="H92" i="66"/>
  <c r="G92" i="66"/>
  <c r="E92" i="66"/>
  <c r="H91" i="66"/>
  <c r="G91" i="66"/>
  <c r="E91" i="66"/>
  <c r="E90" i="66"/>
  <c r="H90" i="66" s="1"/>
  <c r="H89" i="66"/>
  <c r="E89" i="66"/>
  <c r="G89" i="66" s="1"/>
  <c r="H88" i="66"/>
  <c r="G88" i="66"/>
  <c r="E88" i="66"/>
  <c r="H87" i="66"/>
  <c r="G87" i="66"/>
  <c r="E87" i="66"/>
  <c r="E86" i="66"/>
  <c r="H86" i="66" s="1"/>
  <c r="H85" i="66"/>
  <c r="E85" i="66"/>
  <c r="G85" i="66" s="1"/>
  <c r="H84" i="66"/>
  <c r="G84" i="66"/>
  <c r="E84" i="66"/>
  <c r="H83" i="66"/>
  <c r="G83" i="66"/>
  <c r="E83" i="66"/>
  <c r="E82" i="66"/>
  <c r="H82" i="66" s="1"/>
  <c r="H81" i="66"/>
  <c r="E81" i="66"/>
  <c r="G81" i="66" s="1"/>
  <c r="H80" i="66"/>
  <c r="G80" i="66"/>
  <c r="E80" i="66"/>
  <c r="H79" i="66"/>
  <c r="G79" i="66"/>
  <c r="E79" i="66"/>
  <c r="E78" i="66"/>
  <c r="H78" i="66" s="1"/>
  <c r="H77" i="66"/>
  <c r="E77" i="66"/>
  <c r="G77" i="66" s="1"/>
  <c r="H76" i="66"/>
  <c r="G76" i="66"/>
  <c r="E76" i="66"/>
  <c r="H75" i="66"/>
  <c r="G75" i="66"/>
  <c r="E75" i="66"/>
  <c r="E74" i="66"/>
  <c r="H74" i="66" s="1"/>
  <c r="H73" i="66"/>
  <c r="E73" i="66"/>
  <c r="G73" i="66" s="1"/>
  <c r="H72" i="66"/>
  <c r="G72" i="66"/>
  <c r="E72" i="66"/>
  <c r="H71" i="66"/>
  <c r="G71" i="66"/>
  <c r="E71" i="66"/>
  <c r="E70" i="66"/>
  <c r="H70" i="66" s="1"/>
  <c r="H69" i="66"/>
  <c r="E69" i="66"/>
  <c r="G69" i="66" s="1"/>
  <c r="H68" i="66"/>
  <c r="G68" i="66"/>
  <c r="E68" i="66"/>
  <c r="H67" i="66"/>
  <c r="G67" i="66"/>
  <c r="E67" i="66"/>
  <c r="E66" i="66"/>
  <c r="H66" i="66" s="1"/>
  <c r="H65" i="66"/>
  <c r="E65" i="66"/>
  <c r="G65" i="66" s="1"/>
  <c r="H64" i="66"/>
  <c r="G64" i="66"/>
  <c r="E64" i="66"/>
  <c r="H63" i="66"/>
  <c r="G63" i="66"/>
  <c r="E63" i="66"/>
  <c r="E62" i="66"/>
  <c r="H62" i="66" s="1"/>
  <c r="H61" i="66"/>
  <c r="E61" i="66"/>
  <c r="G61" i="66" s="1"/>
  <c r="H60" i="66"/>
  <c r="G60" i="66"/>
  <c r="E60" i="66"/>
  <c r="H59" i="66"/>
  <c r="G59" i="66"/>
  <c r="E59" i="66"/>
  <c r="E58" i="66"/>
  <c r="H58" i="66" s="1"/>
  <c r="F57" i="66"/>
  <c r="D57" i="66"/>
  <c r="C57" i="66"/>
  <c r="H56" i="66"/>
  <c r="G56" i="66"/>
  <c r="E56" i="66"/>
  <c r="E55" i="66"/>
  <c r="H55" i="66" s="1"/>
  <c r="H54" i="66"/>
  <c r="E54" i="66"/>
  <c r="G54" i="66" s="1"/>
  <c r="H53" i="66"/>
  <c r="G53" i="66"/>
  <c r="E53" i="66"/>
  <c r="H52" i="66"/>
  <c r="G52" i="66"/>
  <c r="E52" i="66"/>
  <c r="E51" i="66"/>
  <c r="H51" i="66" s="1"/>
  <c r="H50" i="66"/>
  <c r="E50" i="66"/>
  <c r="G50" i="66" s="1"/>
  <c r="H49" i="66"/>
  <c r="G49" i="66"/>
  <c r="E49" i="66"/>
  <c r="H48" i="66"/>
  <c r="G48" i="66"/>
  <c r="E48" i="66"/>
  <c r="E47" i="66"/>
  <c r="H47" i="66" s="1"/>
  <c r="H46" i="66"/>
  <c r="E46" i="66"/>
  <c r="G46" i="66" s="1"/>
  <c r="H45" i="66"/>
  <c r="G45" i="66"/>
  <c r="E45" i="66"/>
  <c r="H44" i="66"/>
  <c r="G44" i="66"/>
  <c r="E44" i="66"/>
  <c r="E43" i="66"/>
  <c r="H43" i="66" s="1"/>
  <c r="H42" i="66"/>
  <c r="E42" i="66"/>
  <c r="G42" i="66" s="1"/>
  <c r="H41" i="66"/>
  <c r="G41" i="66"/>
  <c r="E41" i="66"/>
  <c r="H40" i="66"/>
  <c r="G40" i="66"/>
  <c r="E40" i="66"/>
  <c r="E39" i="66"/>
  <c r="H39" i="66" s="1"/>
  <c r="H38" i="66"/>
  <c r="E38" i="66"/>
  <c r="G38" i="66" s="1"/>
  <c r="H37" i="66"/>
  <c r="G37" i="66"/>
  <c r="E37" i="66"/>
  <c r="H36" i="66"/>
  <c r="G36" i="66"/>
  <c r="E36" i="66"/>
  <c r="E35" i="66"/>
  <c r="H35" i="66" s="1"/>
  <c r="H34" i="66"/>
  <c r="E34" i="66"/>
  <c r="G34" i="66" s="1"/>
  <c r="H33" i="66"/>
  <c r="G33" i="66"/>
  <c r="E33" i="66"/>
  <c r="H32" i="66"/>
  <c r="G32" i="66"/>
  <c r="E32" i="66"/>
  <c r="E31" i="66"/>
  <c r="H31" i="66" s="1"/>
  <c r="H30" i="66"/>
  <c r="E30" i="66"/>
  <c r="G30" i="66" s="1"/>
  <c r="H29" i="66"/>
  <c r="G29" i="66"/>
  <c r="E29" i="66"/>
  <c r="H28" i="66"/>
  <c r="G28" i="66"/>
  <c r="E28" i="66"/>
  <c r="E27" i="66"/>
  <c r="E23" i="66" s="1"/>
  <c r="H23" i="66" s="1"/>
  <c r="H26" i="66"/>
  <c r="E26" i="66"/>
  <c r="G26" i="66" s="1"/>
  <c r="H25" i="66"/>
  <c r="G25" i="66"/>
  <c r="E25" i="66"/>
  <c r="H24" i="66"/>
  <c r="G24" i="66"/>
  <c r="E24" i="66"/>
  <c r="F23" i="66"/>
  <c r="F125" i="66" s="1"/>
  <c r="F128" i="66" s="1"/>
  <c r="D23" i="66"/>
  <c r="C23" i="66"/>
  <c r="H22" i="66"/>
  <c r="G22" i="66"/>
  <c r="E22" i="66"/>
  <c r="H21" i="66"/>
  <c r="G21" i="66"/>
  <c r="E21" i="66"/>
  <c r="E20" i="66"/>
  <c r="H20" i="66" s="1"/>
  <c r="H19" i="66"/>
  <c r="E19" i="66"/>
  <c r="G19" i="66" s="1"/>
  <c r="H18" i="66"/>
  <c r="G18" i="66"/>
  <c r="E18" i="66"/>
  <c r="H17" i="66"/>
  <c r="G17" i="66"/>
  <c r="E17" i="66"/>
  <c r="E16" i="66"/>
  <c r="H16" i="66" s="1"/>
  <c r="H15" i="66"/>
  <c r="E15" i="66"/>
  <c r="G15" i="66" s="1"/>
  <c r="H14" i="66"/>
  <c r="G14" i="66"/>
  <c r="E14" i="66"/>
  <c r="H13" i="66"/>
  <c r="G13" i="66"/>
  <c r="E13" i="66"/>
  <c r="E12" i="66"/>
  <c r="H12" i="66" s="1"/>
  <c r="H11" i="66"/>
  <c r="E11" i="66"/>
  <c r="G11" i="66" s="1"/>
  <c r="H10" i="66"/>
  <c r="G10" i="66"/>
  <c r="E10" i="66"/>
  <c r="F9" i="66"/>
  <c r="D9" i="66"/>
  <c r="D125" i="66" s="1"/>
  <c r="D128" i="66" s="1"/>
  <c r="C9" i="66"/>
  <c r="C125" i="66" s="1"/>
  <c r="C128" i="66" l="1"/>
  <c r="E121" i="66"/>
  <c r="H121" i="66" s="1"/>
  <c r="G16" i="66"/>
  <c r="G27" i="66"/>
  <c r="G23" i="66" s="1"/>
  <c r="G35" i="66"/>
  <c r="G43" i="66"/>
  <c r="G47" i="66"/>
  <c r="G51" i="66"/>
  <c r="G55" i="66"/>
  <c r="G58" i="66"/>
  <c r="G62" i="66"/>
  <c r="G66" i="66"/>
  <c r="G70" i="66"/>
  <c r="G74" i="66"/>
  <c r="G78" i="66"/>
  <c r="G82" i="66"/>
  <c r="G86" i="66"/>
  <c r="G90" i="66"/>
  <c r="G97" i="66"/>
  <c r="G93" i="66" s="1"/>
  <c r="G101" i="66"/>
  <c r="G105" i="66"/>
  <c r="G109" i="66"/>
  <c r="G119" i="66"/>
  <c r="G115" i="66" s="1"/>
  <c r="G122" i="66"/>
  <c r="G121" i="66" s="1"/>
  <c r="E57" i="66"/>
  <c r="H57" i="66" s="1"/>
  <c r="G12" i="66"/>
  <c r="G9" i="66" s="1"/>
  <c r="G20" i="66"/>
  <c r="G31" i="66"/>
  <c r="G39" i="66"/>
  <c r="E9" i="66"/>
  <c r="H27" i="66"/>
  <c r="H97" i="66"/>
  <c r="H119" i="66"/>
  <c r="G125" i="66" l="1"/>
  <c r="G128" i="66" s="1"/>
  <c r="G57" i="66"/>
  <c r="E125" i="66"/>
  <c r="H9" i="66"/>
  <c r="E126" i="66" l="1"/>
  <c r="H125" i="66"/>
  <c r="H128" i="66" s="1"/>
  <c r="E128" i="66"/>
  <c r="E35" i="58" l="1"/>
  <c r="C9" i="49" l="1"/>
  <c r="F43" i="58" l="1"/>
  <c r="F42" i="58"/>
  <c r="F41" i="58"/>
  <c r="F40" i="58"/>
  <c r="F39" i="58"/>
  <c r="F38" i="58"/>
  <c r="F37" i="58"/>
  <c r="F36" i="58"/>
  <c r="E33" i="58" l="1"/>
  <c r="F33" i="58" s="1"/>
  <c r="E16" i="49" l="1"/>
  <c r="E17" i="49"/>
  <c r="D16" i="49"/>
  <c r="D17" i="49"/>
  <c r="B9" i="49"/>
  <c r="B18" i="49"/>
  <c r="D24" i="48"/>
  <c r="E24" i="48"/>
  <c r="D25" i="48"/>
  <c r="E25" i="48"/>
  <c r="D26" i="48"/>
  <c r="E26" i="48"/>
  <c r="D27" i="48"/>
  <c r="E27" i="48"/>
  <c r="D28" i="48"/>
  <c r="E28" i="48"/>
  <c r="D29" i="48"/>
  <c r="E29" i="48"/>
  <c r="D30" i="48"/>
  <c r="E30" i="48"/>
  <c r="E32" i="58" l="1"/>
  <c r="F32" i="58" s="1"/>
  <c r="E43" i="58" l="1"/>
  <c r="E42" i="58"/>
  <c r="E41" i="58"/>
  <c r="E40" i="58"/>
  <c r="E39" i="58"/>
  <c r="E38" i="58"/>
  <c r="E37" i="58"/>
  <c r="E36" i="58"/>
  <c r="F35" i="58"/>
  <c r="E34" i="58"/>
  <c r="F34" i="58" s="1"/>
  <c r="D23" i="58"/>
  <c r="D21" i="58"/>
  <c r="E20" i="58"/>
  <c r="D20" i="58"/>
  <c r="E19" i="58"/>
  <c r="D19" i="58"/>
  <c r="E18" i="58"/>
  <c r="D18" i="58"/>
  <c r="E17" i="58"/>
  <c r="D17" i="58"/>
  <c r="E16" i="58"/>
  <c r="D16" i="58"/>
  <c r="E15" i="58"/>
  <c r="D15" i="58"/>
  <c r="E14" i="58"/>
  <c r="D14" i="58"/>
  <c r="E13" i="58"/>
  <c r="D13" i="58"/>
  <c r="E12" i="58"/>
  <c r="D12" i="58"/>
  <c r="E18" i="48"/>
  <c r="D18" i="48"/>
  <c r="P9" i="48"/>
  <c r="P10" i="48"/>
  <c r="E39" i="49"/>
  <c r="D39" i="49"/>
  <c r="E37" i="49"/>
  <c r="D37" i="49"/>
  <c r="E36" i="49"/>
  <c r="D36" i="49"/>
  <c r="E35" i="49"/>
  <c r="D35" i="49"/>
  <c r="E34" i="49"/>
  <c r="D34" i="49"/>
  <c r="E33" i="49"/>
  <c r="D33" i="49"/>
  <c r="E32" i="49"/>
  <c r="D32" i="49"/>
  <c r="E31" i="49"/>
  <c r="D31" i="49"/>
  <c r="E30" i="49"/>
  <c r="D30" i="49"/>
  <c r="E29" i="49"/>
  <c r="D29" i="49"/>
  <c r="E28" i="49"/>
  <c r="D28" i="49"/>
  <c r="E27" i="49"/>
  <c r="D27" i="49"/>
  <c r="E26" i="49"/>
  <c r="D26" i="49"/>
  <c r="E25" i="49"/>
  <c r="D25" i="49"/>
  <c r="E24" i="49"/>
  <c r="D24" i="49"/>
  <c r="E23" i="49"/>
  <c r="D23" i="49"/>
  <c r="E22" i="49"/>
  <c r="D22" i="49"/>
  <c r="E21" i="49"/>
  <c r="D21" i="49"/>
  <c r="E20" i="49"/>
  <c r="D20" i="49"/>
  <c r="E19" i="49"/>
  <c r="D19" i="49"/>
  <c r="E15" i="49"/>
  <c r="D15" i="49"/>
  <c r="E14" i="49"/>
  <c r="D14" i="49"/>
  <c r="E13" i="49"/>
  <c r="D13" i="49"/>
  <c r="E12" i="49"/>
  <c r="D12" i="49"/>
  <c r="E11" i="49"/>
  <c r="D11" i="49"/>
  <c r="D10" i="49"/>
  <c r="E10" i="49"/>
  <c r="D9" i="49" l="1"/>
  <c r="E9" i="49"/>
  <c r="H15" i="44"/>
  <c r="O28" i="48" l="1"/>
  <c r="Q24" i="48"/>
  <c r="D11" i="48"/>
  <c r="O9" i="48" s="1"/>
  <c r="E11" i="58"/>
  <c r="D44" i="58"/>
  <c r="C31" i="48"/>
  <c r="B44" i="58"/>
  <c r="H12" i="44"/>
  <c r="J13" i="44" s="1"/>
  <c r="B38" i="49"/>
  <c r="C18" i="49"/>
  <c r="C38" i="49"/>
  <c r="D38" i="49"/>
  <c r="P11" i="48"/>
  <c r="D12" i="48"/>
  <c r="O10" i="48" s="1"/>
  <c r="E12" i="48"/>
  <c r="D13" i="48"/>
  <c r="O11" i="48" s="1"/>
  <c r="E13" i="48"/>
  <c r="C14" i="48"/>
  <c r="O17" i="48"/>
  <c r="O18" i="48"/>
  <c r="D19" i="48"/>
  <c r="O19" i="48"/>
  <c r="D20" i="48"/>
  <c r="E20" i="48"/>
  <c r="B21" i="48"/>
  <c r="C21" i="48"/>
  <c r="O23" i="48"/>
  <c r="P23" i="48"/>
  <c r="Q23" i="48"/>
  <c r="O24" i="48"/>
  <c r="P24" i="48"/>
  <c r="O25" i="48"/>
  <c r="P25" i="48"/>
  <c r="Q25" i="48"/>
  <c r="O26" i="48"/>
  <c r="P26" i="48"/>
  <c r="Q26" i="48"/>
  <c r="O27" i="48"/>
  <c r="P27" i="48"/>
  <c r="Q27" i="48"/>
  <c r="P28" i="48"/>
  <c r="O29" i="48"/>
  <c r="P29" i="48"/>
  <c r="Q29" i="48"/>
  <c r="B31" i="48"/>
  <c r="D11" i="58"/>
  <c r="B22" i="58"/>
  <c r="B24" i="58" s="1"/>
  <c r="C22" i="58"/>
  <c r="C24" i="58" s="1"/>
  <c r="C44" i="58"/>
  <c r="G44" i="58" s="1"/>
  <c r="I15" i="44"/>
  <c r="Q28" i="48"/>
  <c r="B14" i="48"/>
  <c r="E11" i="48"/>
  <c r="C36" i="48" l="1"/>
  <c r="C42" i="49"/>
  <c r="C35" i="48"/>
  <c r="B36" i="48"/>
  <c r="D21" i="48"/>
  <c r="E18" i="49"/>
  <c r="S27" i="48"/>
  <c r="S25" i="48"/>
  <c r="R23" i="48"/>
  <c r="O20" i="48"/>
  <c r="P20" i="48" s="1"/>
  <c r="B35" i="48"/>
  <c r="C40" i="49"/>
  <c r="E38" i="49"/>
  <c r="E31" i="48"/>
  <c r="S26" i="48"/>
  <c r="I12" i="44"/>
  <c r="D18" i="49"/>
  <c r="D40" i="49" s="1"/>
  <c r="B40" i="49"/>
  <c r="R28" i="48"/>
  <c r="S28" i="48"/>
  <c r="S24" i="48"/>
  <c r="R27" i="48"/>
  <c r="R25" i="48"/>
  <c r="O30" i="48"/>
  <c r="D31" i="48"/>
  <c r="S29" i="48"/>
  <c r="R24" i="48"/>
  <c r="P30" i="48"/>
  <c r="R29" i="48"/>
  <c r="R26" i="48"/>
  <c r="E21" i="48"/>
  <c r="P12" i="48"/>
  <c r="E24" i="58"/>
  <c r="D22" i="58"/>
  <c r="D24" i="58" s="1"/>
  <c r="E22" i="58"/>
  <c r="E44" i="58"/>
  <c r="F44" i="58" s="1"/>
  <c r="S23" i="48"/>
  <c r="Q30" i="48"/>
  <c r="O12" i="48"/>
  <c r="B42" i="49"/>
  <c r="D14" i="48"/>
  <c r="E14" i="48"/>
  <c r="E42" i="49" s="1"/>
  <c r="C43" i="49" l="1"/>
  <c r="D35" i="48"/>
  <c r="D42" i="49"/>
  <c r="D43" i="49" s="1"/>
  <c r="E40" i="49"/>
  <c r="E43" i="49" s="1"/>
  <c r="P18" i="48"/>
  <c r="P17" i="48"/>
  <c r="P19" i="48"/>
  <c r="B43" i="49"/>
  <c r="R30" i="48"/>
  <c r="S30" i="48"/>
  <c r="D36" i="48"/>
</calcChain>
</file>

<file path=xl/sharedStrings.xml><?xml version="1.0" encoding="utf-8"?>
<sst xmlns="http://schemas.openxmlformats.org/spreadsheetml/2006/main" count="309" uniqueCount="258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CAPACITACION Y FORMACION LABORAL</t>
  </si>
  <si>
    <t>INDEMINIZACIONES</t>
  </si>
  <si>
    <t xml:space="preserve">VIATICOS Y MOVILIDAD </t>
  </si>
  <si>
    <t xml:space="preserve">UTILES Y MATERIALES ELECTRICOS </t>
  </si>
  <si>
    <t>ENERO (***)</t>
  </si>
  <si>
    <t>TEXTOS DE ENSEÑANZA</t>
  </si>
  <si>
    <t>MODIFIC. (+/-)</t>
  </si>
  <si>
    <t xml:space="preserve">OTRAS OBRAS E INSTALACIONES DE INFRAESTRUCTURAS </t>
  </si>
  <si>
    <t>PRENDAS DE VESTIR</t>
  </si>
  <si>
    <t>CALZADOS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DEUDAS PENDIENTES DE PAGO DE GASTOS CORRIENTES DE EJERCICIOS</t>
  </si>
  <si>
    <t>211-10 Ventas de Activos Capital</t>
  </si>
  <si>
    <t xml:space="preserve"> </t>
  </si>
  <si>
    <t>PRESUPUESTO EJERCICIO FISCAL 2026</t>
  </si>
  <si>
    <t>4. CONSOLIDADO POR PROGRAMAS Y ACTIVIDADES  (F.F. 10 + 30)</t>
  </si>
  <si>
    <t xml:space="preserve">3.  CUADROS DE EJECUCION DE GASTOS </t>
  </si>
  <si>
    <t>6. Ejecución Mensual del Anexo del Personal - Sueldos y Gastos de Representación</t>
  </si>
  <si>
    <t>SEPTIEMBRE</t>
  </si>
  <si>
    <t>MAYO</t>
  </si>
  <si>
    <t>Registracion Publica Especial</t>
  </si>
  <si>
    <t>Administracion del Registro Unificado</t>
  </si>
  <si>
    <t xml:space="preserve">Emision de Documentos Catastrales </t>
  </si>
  <si>
    <t>REMUNERACION ADICIONAL</t>
  </si>
  <si>
    <t>REPARACIONES MAYORES DE MAQUINAS</t>
  </si>
  <si>
    <t xml:space="preserve">(*) Datos conforme al Sistema Integrado de Contabilidad (SICO) del Ministerio de Economia y Finanzas </t>
  </si>
  <si>
    <t>FEBRERO (***)</t>
  </si>
  <si>
    <t>-</t>
  </si>
  <si>
    <t xml:space="preserve">ADQUISICIONES DE EQUIPOS DE OFICINA Y COMPUTACION VARIAS </t>
  </si>
  <si>
    <t>MARZO (***)</t>
  </si>
  <si>
    <t xml:space="preserve">EJECUCION PRESUPUESTARIA DE GASTOS DEL 01/01/2026 AL 30/04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JECUCION PRESUPUESTARIA DE GASTOS DEL 01/01/2026 AL 30/04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CONSOLIDADO POR SUBGRUPO Y OBJETO DE GASTO (F.F. 10 + 30)</t>
  </si>
  <si>
    <t xml:space="preserve">(***) En los meses de enero a marzo/2026, el Ingreso Real supero a la Recaudación Estimada en un 58, 34 y 29% respectivamente.   </t>
  </si>
  <si>
    <r>
      <t>(**) En la columna INGRESO REAL/PROMEDIO, los</t>
    </r>
    <r>
      <rPr>
        <b/>
        <sz val="11"/>
        <rFont val="Arial Narrow"/>
        <family val="2"/>
      </rPr>
      <t xml:space="preserve"> montos detallados desde el mes de enero hasta el mes de abril/2026, corresponde a la recaudación efectiva según el informe mensual del Departamento de Ingresos por Memorando  MDI N° 132, de fecha 07 de mayo de 2026 ascendiendo a la suma de Gs. 187.982.193.889.-. </t>
    </r>
  </si>
  <si>
    <t xml:space="preserve">(**) La recaudacion real en los meses enero y febrero fue ajustada sin afectar al total general, siendo distribuido correctamente lo recaudado en concepto de Tasas Judiciales (CSJ 10%) para cada mes, conforme al Memorando MDI N° 132/2026. </t>
  </si>
  <si>
    <t>(*) La Recaudación Estimada, corresponde a lo informado por el Dpto. de Ingresos, por Nota NDI N° 86 de fecha 16/01/202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5" formatCode="&quot;Gs&quot;\ #,##0_);\(&quot;Gs&quot;\ #,##0\)"/>
    <numFmt numFmtId="41" formatCode="_(* #,##0_);_(* \(#,##0\);_(* &quot;-&quot;_);_(@_)"/>
    <numFmt numFmtId="43" formatCode="_(* #,##0.00_);_(* \(#,##0.00\);_(* &quot;-&quot;??_);_(@_)"/>
    <numFmt numFmtId="164" formatCode="_ * #,##0_ ;_ * \-#,##0_ ;_ * &quot;-&quot;_ ;_ @_ "/>
    <numFmt numFmtId="165" formatCode="_ * #,##0.00_ ;_ * \-#,##0.00_ ;_ * &quot;-&quot;??_ ;_ @_ "/>
    <numFmt numFmtId="166" formatCode="#,##0.00\ &quot;€&quot;;[Red]\-#,##0.00\ &quot;€&quot;"/>
    <numFmt numFmtId="167" formatCode="_-* #,##0\ _€_-;\-* #,##0\ _€_-;_-* &quot;-&quot;\ _€_-;_-@_-"/>
    <numFmt numFmtId="168" formatCode="_-* #,##0.00\ _€_-;\-* #,##0.00\ _€_-;_-* &quot;-&quot;??\ _€_-;_-@_-"/>
    <numFmt numFmtId="169" formatCode="&quot;$&quot;#,##0.00;\-&quot;$&quot;#,##0.00"/>
    <numFmt numFmtId="170" formatCode="_-* #,##0.00_-;\-* #,##0.00_-;_-* &quot;-&quot;??_-;_-@_-"/>
    <numFmt numFmtId="171" formatCode="_ [$€-2]\ * #,##0.00_ ;_ [$€-2]\ * \-#,##0.00_ ;_ [$€-2]\ * &quot;-&quot;??_ "/>
    <numFmt numFmtId="172" formatCode="_-* #,##0_-;\-* #,##0_-;_-* &quot;-&quot;??_-;_-@_-"/>
    <numFmt numFmtId="173" formatCode="_-* #,##0\ _€_-;\-* #,##0\ _€_-;_-* &quot;-&quot;??\ _€_-;_-@_-"/>
    <numFmt numFmtId="174" formatCode="0.0%"/>
    <numFmt numFmtId="175" formatCode="_-* #,##0.0\ _€_-;\-* #,##0.0\ _€_-;_-* &quot;-&quot;??\ _€_-;_-@_-"/>
    <numFmt numFmtId="176" formatCode="[$€-2]\ #,##0.00_);[Red]\([$€-2]\ #,##0.00\)"/>
    <numFmt numFmtId="177" formatCode="_-* ###,0&quot;.&quot;00\ _€_-;\-* ###,0&quot;.&quot;00\ _€_-;_-* &quot;-&quot;??\ _€_-;_-@_-"/>
    <numFmt numFmtId="178" formatCode="_(* #,##0_);_(* \(#,##0\);_(* &quot;-&quot;??_);_(@_)"/>
    <numFmt numFmtId="179" formatCode="&quot; &quot;#,##0&quot; &quot;;&quot; -&quot;#,##0&quot; &quot;;&quot; - &quot;;&quot; &quot;@&quot; &quot;"/>
  </numFmts>
  <fonts count="44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sz val="10"/>
      <color indexed="8"/>
      <name val="Calibri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sz val="10"/>
      <color rgb="FF000000"/>
      <name val="Arial Narrow"/>
      <family val="2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sz val="9"/>
      <color rgb="FF000000"/>
      <name val="Arial Narrow"/>
      <family val="2"/>
    </font>
    <font>
      <b/>
      <sz val="10"/>
      <name val="Arial Narrow"/>
      <family val="2"/>
    </font>
  </fonts>
  <fills count="11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6">
    <xf numFmtId="0" fontId="0" fillId="0" borderId="0"/>
    <xf numFmtId="0" fontId="24" fillId="3" borderId="0" applyNumberFormat="0" applyBorder="0" applyAlignment="0" applyProtection="0"/>
    <xf numFmtId="0" fontId="25" fillId="4" borderId="0" applyNumberFormat="0" applyBorder="0" applyAlignment="0" applyProtection="0"/>
    <xf numFmtId="171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7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41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79" fontId="26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3" fontId="2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8" fontId="27" fillId="0" borderId="0" applyFont="0" applyFill="0" applyBorder="0" applyAlignment="0" applyProtection="0"/>
    <xf numFmtId="43" fontId="27" fillId="0" borderId="0" applyFont="0" applyFill="0" applyBorder="0" applyAlignment="0" applyProtection="0"/>
    <xf numFmtId="168" fontId="27" fillId="0" borderId="0" applyFont="0" applyFill="0" applyBorder="0" applyAlignment="0" applyProtection="0"/>
    <xf numFmtId="168" fontId="27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7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6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3" fillId="0" borderId="0"/>
    <xf numFmtId="0" fontId="23" fillId="0" borderId="0"/>
    <xf numFmtId="0" fontId="26" fillId="0" borderId="0"/>
    <xf numFmtId="0" fontId="26" fillId="0" borderId="0"/>
    <xf numFmtId="0" fontId="26" fillId="0" borderId="0"/>
    <xf numFmtId="0" fontId="26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7" fillId="0" borderId="0"/>
    <xf numFmtId="0" fontId="3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8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</cellStyleXfs>
  <cellXfs count="257">
    <xf numFmtId="0" fontId="0" fillId="0" borderId="0" xfId="0"/>
    <xf numFmtId="0" fontId="5" fillId="0" borderId="0" xfId="0" applyFont="1"/>
    <xf numFmtId="0" fontId="4" fillId="0" borderId="0" xfId="0" applyFont="1"/>
    <xf numFmtId="172" fontId="8" fillId="0" borderId="0" xfId="534" applyNumberFormat="1" applyFont="1" applyBorder="1"/>
    <xf numFmtId="10" fontId="9" fillId="0" borderId="0" xfId="1688" applyNumberFormat="1" applyFont="1"/>
    <xf numFmtId="172" fontId="9" fillId="0" borderId="0" xfId="534" applyNumberFormat="1" applyFont="1"/>
    <xf numFmtId="9" fontId="9" fillId="0" borderId="0" xfId="1688" applyFont="1"/>
    <xf numFmtId="172" fontId="7" fillId="0" borderId="0" xfId="534" applyNumberFormat="1" applyFont="1"/>
    <xf numFmtId="9" fontId="9" fillId="0" borderId="0" xfId="1654" applyFont="1"/>
    <xf numFmtId="9" fontId="7" fillId="0" borderId="0" xfId="1654" applyFont="1"/>
    <xf numFmtId="173" fontId="0" fillId="0" borderId="0" xfId="5" applyNumberFormat="1" applyFont="1"/>
    <xf numFmtId="3" fontId="0" fillId="0" borderId="0" xfId="0" applyNumberFormat="1"/>
    <xf numFmtId="9" fontId="0" fillId="0" borderId="0" xfId="1654" applyFont="1"/>
    <xf numFmtId="0" fontId="0" fillId="0" borderId="0" xfId="0" applyAlignment="1">
      <alignment vertical="center"/>
    </xf>
    <xf numFmtId="0" fontId="15" fillId="0" borderId="0" xfId="0" applyFont="1" applyAlignment="1">
      <alignment vertical="center"/>
    </xf>
    <xf numFmtId="10" fontId="9" fillId="0" borderId="0" xfId="1688" applyNumberFormat="1" applyFont="1" applyAlignment="1">
      <alignment vertical="center"/>
    </xf>
    <xf numFmtId="9" fontId="9" fillId="0" borderId="0" xfId="1654" applyFont="1" applyAlignment="1">
      <alignment vertical="center"/>
    </xf>
    <xf numFmtId="172" fontId="9" fillId="0" borderId="0" xfId="534" applyNumberFormat="1" applyFont="1" applyAlignment="1">
      <alignment vertical="center"/>
    </xf>
    <xf numFmtId="9" fontId="0" fillId="0" borderId="0" xfId="1654" applyFont="1" applyAlignment="1">
      <alignment vertical="center"/>
    </xf>
    <xf numFmtId="41" fontId="0" fillId="0" borderId="0" xfId="0" applyNumberFormat="1" applyAlignment="1">
      <alignment vertical="center"/>
    </xf>
    <xf numFmtId="0" fontId="0" fillId="5" borderId="0" xfId="0" applyFill="1" applyAlignment="1">
      <alignment vertical="center"/>
    </xf>
    <xf numFmtId="0" fontId="28" fillId="5" borderId="0" xfId="0" applyFont="1" applyFill="1" applyAlignment="1">
      <alignment vertical="center"/>
    </xf>
    <xf numFmtId="41" fontId="28" fillId="5" borderId="0" xfId="0" applyNumberFormat="1" applyFont="1" applyFill="1" applyAlignment="1">
      <alignment vertical="center"/>
    </xf>
    <xf numFmtId="3" fontId="28" fillId="5" borderId="0" xfId="0" applyNumberFormat="1" applyFont="1" applyFill="1" applyAlignment="1">
      <alignment vertical="center"/>
    </xf>
    <xf numFmtId="173" fontId="17" fillId="2" borderId="2" xfId="5" quotePrefix="1" applyNumberFormat="1" applyFont="1" applyFill="1" applyBorder="1" applyAlignment="1">
      <alignment vertical="top" wrapText="1"/>
    </xf>
    <xf numFmtId="173" fontId="0" fillId="0" borderId="0" xfId="0" applyNumberFormat="1"/>
    <xf numFmtId="0" fontId="4" fillId="0" borderId="0" xfId="0" applyFont="1" applyBorder="1"/>
    <xf numFmtId="9" fontId="11" fillId="5" borderId="5" xfId="1220" applyNumberFormat="1" applyFont="1" applyFill="1" applyBorder="1" applyAlignment="1">
      <alignment horizontal="center" vertical="center"/>
    </xf>
    <xf numFmtId="172" fontId="29" fillId="6" borderId="6" xfId="1220" applyNumberFormat="1" applyFont="1" applyFill="1" applyBorder="1" applyAlignment="1">
      <alignment horizontal="center" vertical="center" wrapText="1"/>
    </xf>
    <xf numFmtId="172" fontId="29" fillId="6" borderId="7" xfId="1220" applyNumberFormat="1" applyFont="1" applyFill="1" applyBorder="1" applyAlignment="1">
      <alignment horizontal="center" vertical="center" wrapText="1"/>
    </xf>
    <xf numFmtId="172" fontId="29" fillId="6" borderId="8" xfId="1220" applyNumberFormat="1" applyFont="1" applyFill="1" applyBorder="1" applyAlignment="1">
      <alignment horizontal="center" vertical="center" wrapText="1"/>
    </xf>
    <xf numFmtId="0" fontId="19" fillId="7" borderId="0" xfId="1419" applyFont="1" applyFill="1" applyBorder="1" applyAlignment="1">
      <alignment vertical="center"/>
    </xf>
    <xf numFmtId="0" fontId="19" fillId="7" borderId="0" xfId="1419" applyFont="1" applyFill="1" applyBorder="1" applyAlignment="1"/>
    <xf numFmtId="173" fontId="17" fillId="2" borderId="9" xfId="5" quotePrefix="1" applyNumberFormat="1" applyFont="1" applyFill="1" applyBorder="1" applyAlignment="1">
      <alignment vertical="top" wrapText="1"/>
    </xf>
    <xf numFmtId="174" fontId="9" fillId="0" borderId="0" xfId="1654" applyNumberFormat="1" applyFont="1"/>
    <xf numFmtId="174" fontId="28" fillId="5" borderId="0" xfId="1654" applyNumberFormat="1" applyFont="1" applyFill="1" applyAlignment="1">
      <alignment vertical="center"/>
    </xf>
    <xf numFmtId="173" fontId="17" fillId="0" borderId="2" xfId="5" quotePrefix="1" applyNumberFormat="1" applyFont="1" applyFill="1" applyBorder="1" applyAlignment="1">
      <alignment vertical="top" wrapText="1"/>
    </xf>
    <xf numFmtId="0" fontId="15" fillId="5" borderId="0" xfId="0" applyFont="1" applyFill="1" applyAlignment="1">
      <alignment vertical="center"/>
    </xf>
    <xf numFmtId="173" fontId="20" fillId="5" borderId="10" xfId="5" applyNumberFormat="1" applyFont="1" applyFill="1" applyBorder="1"/>
    <xf numFmtId="172" fontId="20" fillId="5" borderId="10" xfId="534" applyNumberFormat="1" applyFont="1" applyFill="1" applyBorder="1" applyAlignment="1">
      <alignment horizontal="right"/>
    </xf>
    <xf numFmtId="172" fontId="7" fillId="5" borderId="0" xfId="534" applyNumberFormat="1" applyFont="1" applyFill="1"/>
    <xf numFmtId="9" fontId="7" fillId="5" borderId="0" xfId="1654" applyFont="1" applyFill="1"/>
    <xf numFmtId="172" fontId="8" fillId="5" borderId="0" xfId="534" applyNumberFormat="1" applyFont="1" applyFill="1" applyBorder="1" applyAlignment="1">
      <alignment vertical="center"/>
    </xf>
    <xf numFmtId="173" fontId="0" fillId="0" borderId="0" xfId="5" applyNumberFormat="1" applyFont="1" applyFill="1"/>
    <xf numFmtId="0" fontId="0" fillId="0" borderId="0" xfId="0" applyFill="1"/>
    <xf numFmtId="173" fontId="2" fillId="0" borderId="0" xfId="5" applyNumberFormat="1" applyFont="1" applyFill="1"/>
    <xf numFmtId="9" fontId="8" fillId="0" borderId="0" xfId="1654" applyNumberFormat="1" applyFont="1" applyBorder="1"/>
    <xf numFmtId="9" fontId="9" fillId="0" borderId="0" xfId="1654" applyNumberFormat="1" applyFont="1"/>
    <xf numFmtId="172" fontId="29" fillId="6" borderId="11" xfId="1220" applyNumberFormat="1" applyFont="1" applyFill="1" applyBorder="1" applyAlignment="1">
      <alignment horizontal="center" vertical="center" wrapText="1"/>
    </xf>
    <xf numFmtId="0" fontId="17" fillId="2" borderId="12" xfId="1419" quotePrefix="1" applyFont="1" applyFill="1" applyBorder="1" applyAlignment="1">
      <alignment horizontal="center" vertical="center" wrapText="1"/>
    </xf>
    <xf numFmtId="0" fontId="30" fillId="8" borderId="3" xfId="0" applyFont="1" applyFill="1" applyBorder="1" applyAlignment="1"/>
    <xf numFmtId="173" fontId="16" fillId="5" borderId="3" xfId="5" applyNumberFormat="1" applyFont="1" applyFill="1" applyBorder="1" applyAlignment="1">
      <alignment horizontal="center" vertical="center"/>
    </xf>
    <xf numFmtId="173" fontId="16" fillId="5" borderId="3" xfId="5" applyNumberFormat="1" applyFont="1" applyFill="1" applyBorder="1" applyAlignment="1">
      <alignment vertical="center"/>
    </xf>
    <xf numFmtId="9" fontId="17" fillId="0" borderId="13" xfId="1654" quotePrefix="1" applyFont="1" applyFill="1" applyBorder="1" applyAlignment="1">
      <alignment vertical="top" wrapText="1"/>
    </xf>
    <xf numFmtId="9" fontId="9" fillId="0" borderId="3" xfId="1654" applyFont="1" applyBorder="1" applyAlignment="1">
      <alignment vertical="center"/>
    </xf>
    <xf numFmtId="0" fontId="11" fillId="2" borderId="3" xfId="1419" quotePrefix="1" applyFont="1" applyFill="1" applyBorder="1" applyAlignment="1">
      <alignment horizontal="center" vertical="center" wrapText="1"/>
    </xf>
    <xf numFmtId="173" fontId="17" fillId="0" borderId="3" xfId="5" quotePrefix="1" applyNumberFormat="1" applyFont="1" applyFill="1" applyBorder="1" applyAlignment="1">
      <alignment vertical="center" wrapText="1"/>
    </xf>
    <xf numFmtId="0" fontId="30" fillId="5" borderId="3" xfId="0" applyFont="1" applyFill="1" applyBorder="1" applyAlignment="1">
      <alignment horizontal="left" indent="2"/>
    </xf>
    <xf numFmtId="0" fontId="17" fillId="5" borderId="3" xfId="1419" quotePrefix="1" applyFont="1" applyFill="1" applyBorder="1" applyAlignment="1">
      <alignment horizontal="center" vertical="center" wrapText="1"/>
    </xf>
    <xf numFmtId="9" fontId="9" fillId="0" borderId="3" xfId="1654" applyNumberFormat="1" applyFont="1" applyBorder="1" applyAlignment="1">
      <alignment vertical="center"/>
    </xf>
    <xf numFmtId="0" fontId="31" fillId="8" borderId="0" xfId="0" applyFont="1" applyFill="1" applyBorder="1" applyAlignment="1">
      <alignment horizontal="left"/>
    </xf>
    <xf numFmtId="172" fontId="32" fillId="6" borderId="6" xfId="1220" applyNumberFormat="1" applyFont="1" applyFill="1" applyBorder="1" applyAlignment="1">
      <alignment horizontal="center" vertical="center" wrapText="1"/>
    </xf>
    <xf numFmtId="172" fontId="32" fillId="6" borderId="7" xfId="1220" applyNumberFormat="1" applyFont="1" applyFill="1" applyBorder="1" applyAlignment="1">
      <alignment horizontal="center" vertical="center" wrapText="1"/>
    </xf>
    <xf numFmtId="0" fontId="31" fillId="0" borderId="3" xfId="0" applyFont="1" applyFill="1" applyBorder="1" applyAlignment="1">
      <alignment horizontal="center" wrapText="1"/>
    </xf>
    <xf numFmtId="0" fontId="12" fillId="7" borderId="0" xfId="1419" applyFont="1" applyFill="1" applyBorder="1" applyAlignment="1"/>
    <xf numFmtId="0" fontId="13" fillId="0" borderId="0" xfId="0" applyFont="1"/>
    <xf numFmtId="172" fontId="20" fillId="0" borderId="0" xfId="534" applyNumberFormat="1" applyFont="1"/>
    <xf numFmtId="172" fontId="20" fillId="0" borderId="0" xfId="534" applyNumberFormat="1" applyFont="1" applyBorder="1"/>
    <xf numFmtId="0" fontId="12" fillId="0" borderId="0" xfId="0" applyFont="1" applyBorder="1" applyAlignment="1"/>
    <xf numFmtId="0" fontId="12" fillId="0" borderId="0" xfId="0" applyFont="1" applyBorder="1" applyAlignment="1">
      <alignment horizontal="center"/>
    </xf>
    <xf numFmtId="172" fontId="11" fillId="0" borderId="0" xfId="534" applyNumberFormat="1" applyFont="1" applyBorder="1"/>
    <xf numFmtId="0" fontId="13" fillId="0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0" fontId="13" fillId="5" borderId="0" xfId="0" applyFont="1" applyFill="1" applyAlignment="1">
      <alignment vertical="center"/>
    </xf>
    <xf numFmtId="172" fontId="20" fillId="0" borderId="0" xfId="534" applyNumberFormat="1" applyFont="1" applyAlignment="1">
      <alignment horizontal="center"/>
    </xf>
    <xf numFmtId="41" fontId="11" fillId="5" borderId="3" xfId="1220" applyNumberFormat="1" applyFont="1" applyFill="1" applyBorder="1" applyAlignment="1">
      <alignment horizontal="center" vertical="center"/>
    </xf>
    <xf numFmtId="41" fontId="11" fillId="0" borderId="5" xfId="1220" applyNumberFormat="1" applyFont="1" applyFill="1" applyBorder="1" applyAlignment="1">
      <alignment vertical="center"/>
    </xf>
    <xf numFmtId="9" fontId="16" fillId="5" borderId="3" xfId="5" applyNumberFormat="1" applyFont="1" applyFill="1" applyBorder="1" applyAlignment="1">
      <alignment horizontal="center" vertical="center"/>
    </xf>
    <xf numFmtId="9" fontId="16" fillId="5" borderId="3" xfId="1654" applyNumberFormat="1" applyFont="1" applyFill="1" applyBorder="1" applyAlignment="1">
      <alignment horizontal="center" vertical="center"/>
    </xf>
    <xf numFmtId="41" fontId="20" fillId="5" borderId="0" xfId="1220" applyNumberFormat="1" applyFont="1" applyFill="1" applyBorder="1" applyAlignment="1">
      <alignment horizontal="right" vertical="center"/>
    </xf>
    <xf numFmtId="173" fontId="12" fillId="7" borderId="0" xfId="5" applyNumberFormat="1" applyFont="1" applyFill="1" applyBorder="1" applyAlignment="1">
      <alignment horizontal="right"/>
    </xf>
    <xf numFmtId="173" fontId="7" fillId="0" borderId="9" xfId="5" applyNumberFormat="1" applyFont="1" applyBorder="1"/>
    <xf numFmtId="9" fontId="7" fillId="0" borderId="9" xfId="1654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2" fontId="29" fillId="6" borderId="16" xfId="1220" applyNumberFormat="1" applyFont="1" applyFill="1" applyBorder="1" applyAlignment="1">
      <alignment horizontal="center" vertical="center" wrapText="1"/>
    </xf>
    <xf numFmtId="172" fontId="29" fillId="6" borderId="17" xfId="1220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2" fillId="7" borderId="0" xfId="0" applyFont="1" applyFill="1"/>
    <xf numFmtId="172" fontId="12" fillId="7" borderId="0" xfId="522" applyNumberFormat="1" applyFont="1" applyFill="1" applyBorder="1" applyAlignment="1">
      <alignment horizontal="center" vertical="center"/>
    </xf>
    <xf numFmtId="172" fontId="0" fillId="0" borderId="0" xfId="0" applyNumberFormat="1"/>
    <xf numFmtId="0" fontId="13" fillId="5" borderId="0" xfId="0" applyFont="1" applyFill="1" applyAlignment="1">
      <alignment horizontal="left" indent="3"/>
    </xf>
    <xf numFmtId="172" fontId="33" fillId="6" borderId="0" xfId="522" applyNumberFormat="1" applyFont="1" applyFill="1" applyBorder="1" applyAlignment="1">
      <alignment horizontal="center" vertical="center" wrapText="1"/>
    </xf>
    <xf numFmtId="0" fontId="34" fillId="5" borderId="9" xfId="0" applyFont="1" applyFill="1" applyBorder="1" applyAlignment="1">
      <alignment horizontal="center"/>
    </xf>
    <xf numFmtId="172" fontId="32" fillId="6" borderId="2" xfId="522" applyNumberFormat="1" applyFont="1" applyFill="1" applyBorder="1" applyAlignment="1">
      <alignment horizontal="center" vertical="center"/>
    </xf>
    <xf numFmtId="0" fontId="35" fillId="8" borderId="0" xfId="1292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vertical="center"/>
    </xf>
    <xf numFmtId="9" fontId="9" fillId="2" borderId="0" xfId="1688" applyNumberFormat="1" applyFont="1" applyFill="1" applyBorder="1" applyAlignment="1">
      <alignment horizontal="center" vertical="center"/>
    </xf>
    <xf numFmtId="172" fontId="29" fillId="6" borderId="11" xfId="1220" applyNumberFormat="1" applyFont="1" applyFill="1" applyBorder="1" applyAlignment="1">
      <alignment horizontal="center" vertical="center" wrapText="1"/>
    </xf>
    <xf numFmtId="173" fontId="16" fillId="5" borderId="3" xfId="5" applyNumberFormat="1" applyFont="1" applyFill="1" applyBorder="1" applyAlignment="1">
      <alignment horizontal="center" vertical="center"/>
    </xf>
    <xf numFmtId="9" fontId="17" fillId="2" borderId="5" xfId="1654" quotePrefix="1" applyFont="1" applyFill="1" applyBorder="1" applyAlignment="1">
      <alignment horizontal="center" vertical="top" wrapText="1"/>
    </xf>
    <xf numFmtId="173" fontId="9" fillId="5" borderId="0" xfId="5" applyNumberFormat="1" applyFont="1" applyFill="1" applyBorder="1" applyAlignment="1">
      <alignment vertical="center"/>
    </xf>
    <xf numFmtId="9" fontId="20" fillId="5" borderId="0" xfId="1220" applyNumberFormat="1" applyFont="1" applyFill="1" applyBorder="1" applyAlignment="1">
      <alignment horizontal="center" vertical="center"/>
    </xf>
    <xf numFmtId="41" fontId="20" fillId="5" borderId="0" xfId="1220" applyNumberFormat="1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horizontal="center" vertical="center"/>
    </xf>
    <xf numFmtId="172" fontId="13" fillId="5" borderId="0" xfId="522" applyNumberFormat="1" applyFont="1" applyFill="1" applyBorder="1" applyAlignment="1">
      <alignment horizontal="center" vertical="center"/>
    </xf>
    <xf numFmtId="0" fontId="36" fillId="9" borderId="3" xfId="0" applyFont="1" applyFill="1" applyBorder="1" applyAlignment="1">
      <alignment horizontal="center" vertical="center" wrapText="1"/>
    </xf>
    <xf numFmtId="0" fontId="36" fillId="9" borderId="3" xfId="0" applyFont="1" applyFill="1" applyBorder="1" applyAlignment="1">
      <alignment horizontal="center" wrapText="1"/>
    </xf>
    <xf numFmtId="3" fontId="36" fillId="9" borderId="3" xfId="0" applyNumberFormat="1" applyFont="1" applyFill="1" applyBorder="1" applyAlignment="1">
      <alignment horizontal="right" vertical="top" wrapText="1"/>
    </xf>
    <xf numFmtId="178" fontId="36" fillId="9" borderId="3" xfId="5" applyNumberFormat="1" applyFont="1" applyFill="1" applyBorder="1" applyAlignment="1">
      <alignment horizontal="right" vertical="top" wrapText="1"/>
    </xf>
    <xf numFmtId="0" fontId="31" fillId="0" borderId="3" xfId="0" applyFont="1" applyFill="1" applyBorder="1" applyAlignment="1">
      <alignment wrapText="1"/>
    </xf>
    <xf numFmtId="173" fontId="31" fillId="0" borderId="3" xfId="5" applyNumberFormat="1" applyFont="1" applyFill="1" applyBorder="1" applyAlignment="1">
      <alignment horizontal="right" vertical="top" wrapText="1"/>
    </xf>
    <xf numFmtId="178" fontId="31" fillId="0" borderId="3" xfId="5" applyNumberFormat="1" applyFont="1" applyFill="1" applyBorder="1" applyAlignment="1">
      <alignment horizontal="right" vertical="top" wrapText="1"/>
    </xf>
    <xf numFmtId="9" fontId="12" fillId="7" borderId="0" xfId="1419" applyNumberFormat="1" applyFont="1" applyFill="1" applyBorder="1" applyAlignment="1">
      <alignment horizontal="center" vertical="center"/>
    </xf>
    <xf numFmtId="172" fontId="37" fillId="7" borderId="2" xfId="522" applyNumberFormat="1" applyFont="1" applyFill="1" applyBorder="1" applyAlignment="1">
      <alignment horizontal="center" vertical="center"/>
    </xf>
    <xf numFmtId="172" fontId="13" fillId="5" borderId="17" xfId="522" applyNumberFormat="1" applyFont="1" applyFill="1" applyBorder="1" applyAlignment="1">
      <alignment horizontal="center" vertical="center"/>
    </xf>
    <xf numFmtId="172" fontId="13" fillId="5" borderId="18" xfId="522" applyNumberFormat="1" applyFont="1" applyFill="1" applyBorder="1" applyAlignment="1">
      <alignment horizontal="center" vertical="center"/>
    </xf>
    <xf numFmtId="172" fontId="2" fillId="0" borderId="0" xfId="0" applyNumberFormat="1" applyFont="1"/>
    <xf numFmtId="172" fontId="13" fillId="0" borderId="18" xfId="522" applyNumberFormat="1" applyFont="1" applyFill="1" applyBorder="1" applyAlignment="1">
      <alignment horizontal="center" vertical="center"/>
    </xf>
    <xf numFmtId="172" fontId="33" fillId="6" borderId="2" xfId="522" applyNumberFormat="1" applyFont="1" applyFill="1" applyBorder="1" applyAlignment="1">
      <alignment horizontal="center" vertical="center"/>
    </xf>
    <xf numFmtId="0" fontId="2" fillId="0" borderId="0" xfId="1280" applyFont="1" applyFill="1" applyAlignment="1">
      <alignment vertical="center"/>
    </xf>
    <xf numFmtId="9" fontId="13" fillId="5" borderId="18" xfId="1732" applyNumberFormat="1" applyFont="1" applyFill="1" applyBorder="1" applyAlignment="1">
      <alignment horizontal="center" vertical="center"/>
    </xf>
    <xf numFmtId="9" fontId="13" fillId="5" borderId="19" xfId="1732" applyNumberFormat="1" applyFont="1" applyFill="1" applyBorder="1" applyAlignment="1">
      <alignment horizontal="center" vertical="center"/>
    </xf>
    <xf numFmtId="9" fontId="13" fillId="5" borderId="17" xfId="1732" applyNumberFormat="1" applyFont="1" applyFill="1" applyBorder="1" applyAlignment="1">
      <alignment horizontal="center" vertical="center"/>
    </xf>
    <xf numFmtId="9" fontId="33" fillId="6" borderId="5" xfId="1732" applyNumberFormat="1" applyFont="1" applyFill="1" applyBorder="1" applyAlignment="1">
      <alignment horizontal="center" vertical="center"/>
    </xf>
    <xf numFmtId="0" fontId="33" fillId="6" borderId="0" xfId="0" applyFont="1" applyFill="1" applyBorder="1" applyAlignment="1">
      <alignment horizontal="center" vertical="center"/>
    </xf>
    <xf numFmtId="9" fontId="12" fillId="7" borderId="0" xfId="1732" applyNumberFormat="1" applyFont="1" applyFill="1" applyBorder="1" applyAlignment="1">
      <alignment horizontal="center" vertical="center"/>
    </xf>
    <xf numFmtId="9" fontId="13" fillId="5" borderId="0" xfId="1732" applyNumberFormat="1" applyFont="1" applyFill="1" applyBorder="1" applyAlignment="1">
      <alignment horizontal="center" vertical="center"/>
    </xf>
    <xf numFmtId="0" fontId="4" fillId="0" borderId="0" xfId="0" applyFont="1" applyFill="1"/>
    <xf numFmtId="9" fontId="32" fillId="6" borderId="5" xfId="1732" applyNumberFormat="1" applyFont="1" applyFill="1" applyBorder="1" applyAlignment="1">
      <alignment horizontal="center" vertical="center"/>
    </xf>
    <xf numFmtId="0" fontId="31" fillId="10" borderId="3" xfId="0" applyFont="1" applyFill="1" applyBorder="1" applyAlignment="1">
      <alignment wrapText="1"/>
    </xf>
    <xf numFmtId="0" fontId="13" fillId="10" borderId="0" xfId="0" applyFont="1" applyFill="1" applyAlignment="1">
      <alignment vertical="center"/>
    </xf>
    <xf numFmtId="172" fontId="32" fillId="6" borderId="8" xfId="1220" applyNumberFormat="1" applyFont="1" applyFill="1" applyBorder="1" applyAlignment="1">
      <alignment horizontal="center" vertical="center" wrapText="1"/>
    </xf>
    <xf numFmtId="0" fontId="2" fillId="0" borderId="0" xfId="1292"/>
    <xf numFmtId="0" fontId="38" fillId="0" borderId="1" xfId="0" applyFont="1" applyBorder="1"/>
    <xf numFmtId="0" fontId="2" fillId="0" borderId="1" xfId="1292" applyBorder="1"/>
    <xf numFmtId="0" fontId="2" fillId="0" borderId="0" xfId="0" applyFont="1" applyAlignment="1">
      <alignment vertical="center"/>
    </xf>
    <xf numFmtId="9" fontId="13" fillId="5" borderId="17" xfId="1654" applyFont="1" applyFill="1" applyBorder="1" applyAlignment="1">
      <alignment horizontal="center" vertical="center"/>
    </xf>
    <xf numFmtId="172" fontId="13" fillId="5" borderId="20" xfId="522" applyNumberFormat="1" applyFont="1" applyFill="1" applyBorder="1" applyAlignment="1">
      <alignment horizontal="center" vertical="center"/>
    </xf>
    <xf numFmtId="9" fontId="9" fillId="5" borderId="0" xfId="1654" applyFont="1" applyFill="1" applyBorder="1" applyAlignment="1">
      <alignment horizontal="center" vertical="center"/>
    </xf>
    <xf numFmtId="0" fontId="35" fillId="5" borderId="0" xfId="0" applyFont="1" applyFill="1" applyAlignment="1">
      <alignment horizontal="left" indent="2"/>
    </xf>
    <xf numFmtId="9" fontId="9" fillId="5" borderId="0" xfId="1654" applyNumberFormat="1" applyFont="1" applyFill="1" applyBorder="1" applyAlignment="1">
      <alignment horizontal="center" vertical="center"/>
    </xf>
    <xf numFmtId="0" fontId="8" fillId="5" borderId="3" xfId="1419" quotePrefix="1" applyFont="1" applyFill="1" applyBorder="1" applyAlignment="1">
      <alignment horizontal="center" vertical="center" wrapText="1"/>
    </xf>
    <xf numFmtId="173" fontId="14" fillId="5" borderId="9" xfId="5" quotePrefix="1" applyNumberFormat="1" applyFont="1" applyFill="1" applyBorder="1" applyAlignment="1">
      <alignment vertical="center" wrapText="1"/>
    </xf>
    <xf numFmtId="9" fontId="8" fillId="5" borderId="5" xfId="1654" quotePrefix="1" applyFont="1" applyFill="1" applyBorder="1" applyAlignment="1">
      <alignment horizontal="center" vertical="center" wrapText="1"/>
    </xf>
    <xf numFmtId="0" fontId="35" fillId="8" borderId="0" xfId="0" applyFont="1" applyFill="1" applyAlignment="1"/>
    <xf numFmtId="173" fontId="8" fillId="2" borderId="9" xfId="5" quotePrefix="1" applyNumberFormat="1" applyFont="1" applyFill="1" applyBorder="1" applyAlignment="1">
      <alignment vertical="center" wrapText="1"/>
    </xf>
    <xf numFmtId="9" fontId="37" fillId="7" borderId="5" xfId="1732" applyNumberFormat="1" applyFont="1" applyFill="1" applyBorder="1" applyAlignment="1">
      <alignment horizontal="center" vertical="center"/>
    </xf>
    <xf numFmtId="172" fontId="13" fillId="5" borderId="14" xfId="522" applyNumberFormat="1" applyFont="1" applyFill="1" applyBorder="1" applyAlignment="1">
      <alignment horizontal="center" vertical="center"/>
    </xf>
    <xf numFmtId="172" fontId="13" fillId="5" borderId="19" xfId="522" applyNumberFormat="1" applyFont="1" applyFill="1" applyBorder="1" applyAlignment="1">
      <alignment horizontal="center" vertical="center"/>
    </xf>
    <xf numFmtId="172" fontId="11" fillId="0" borderId="9" xfId="1220" applyNumberFormat="1" applyFont="1" applyFill="1" applyBorder="1" applyAlignment="1">
      <alignment horizontal="left" vertical="center"/>
    </xf>
    <xf numFmtId="172" fontId="32" fillId="6" borderId="8" xfId="1220" applyNumberFormat="1" applyFont="1" applyFill="1" applyBorder="1" applyAlignment="1">
      <alignment horizontal="center" vertical="center" wrapText="1"/>
    </xf>
    <xf numFmtId="0" fontId="31" fillId="0" borderId="21" xfId="0" applyFont="1" applyFill="1" applyBorder="1" applyAlignment="1">
      <alignment horizontal="center" wrapText="1"/>
    </xf>
    <xf numFmtId="0" fontId="31" fillId="0" borderId="5" xfId="0" applyFont="1" applyFill="1" applyBorder="1" applyAlignment="1">
      <alignment horizontal="center" wrapText="1"/>
    </xf>
    <xf numFmtId="172" fontId="32" fillId="6" borderId="22" xfId="1220" applyNumberFormat="1" applyFont="1" applyFill="1" applyBorder="1" applyAlignment="1">
      <alignment horizontal="center" vertical="center" wrapText="1"/>
    </xf>
    <xf numFmtId="0" fontId="13" fillId="0" borderId="0" xfId="0" applyFont="1" applyBorder="1" applyAlignment="1">
      <alignment vertical="center"/>
    </xf>
    <xf numFmtId="0" fontId="12" fillId="7" borderId="0" xfId="1419" applyFont="1" applyFill="1" applyBorder="1" applyAlignment="1">
      <alignment horizontal="center" vertical="center"/>
    </xf>
    <xf numFmtId="9" fontId="12" fillId="9" borderId="3" xfId="1654" applyFont="1" applyFill="1" applyBorder="1" applyAlignment="1">
      <alignment horizontal="center" vertical="top"/>
    </xf>
    <xf numFmtId="41" fontId="13" fillId="0" borderId="0" xfId="0" applyNumberFormat="1" applyFont="1" applyAlignment="1">
      <alignment vertical="center"/>
    </xf>
    <xf numFmtId="0" fontId="13" fillId="0" borderId="4" xfId="0" applyFont="1" applyFill="1" applyBorder="1" applyAlignment="1">
      <alignment horizontal="left" vertical="center" wrapText="1"/>
    </xf>
    <xf numFmtId="0" fontId="13" fillId="0" borderId="23" xfId="0" applyFont="1" applyFill="1" applyBorder="1" applyAlignment="1">
      <alignment horizontal="left" vertical="center"/>
    </xf>
    <xf numFmtId="173" fontId="13" fillId="0" borderId="0" xfId="0" applyNumberFormat="1" applyFont="1" applyAlignment="1">
      <alignment vertical="center"/>
    </xf>
    <xf numFmtId="9" fontId="2" fillId="0" borderId="0" xfId="1654"/>
    <xf numFmtId="9" fontId="2" fillId="0" borderId="0" xfId="1654" applyFont="1" applyFill="1" applyAlignment="1">
      <alignment vertical="center"/>
    </xf>
    <xf numFmtId="9" fontId="2" fillId="0" borderId="0" xfId="1654" applyFont="1" applyAlignment="1">
      <alignment vertical="center"/>
    </xf>
    <xf numFmtId="9" fontId="2" fillId="0" borderId="0" xfId="1654" applyFont="1"/>
    <xf numFmtId="9" fontId="2" fillId="5" borderId="0" xfId="1654" applyFont="1" applyFill="1" applyAlignment="1">
      <alignment vertical="center"/>
    </xf>
    <xf numFmtId="0" fontId="31" fillId="8" borderId="0" xfId="0" applyFont="1" applyFill="1" applyBorder="1" applyAlignment="1">
      <alignment horizontal="left" vertical="top" wrapText="1"/>
    </xf>
    <xf numFmtId="0" fontId="39" fillId="8" borderId="0" xfId="0" applyFont="1" applyFill="1" applyBorder="1" applyAlignment="1">
      <alignment horizontal="left" vertical="top" wrapText="1"/>
    </xf>
    <xf numFmtId="173" fontId="13" fillId="10" borderId="0" xfId="0" applyNumberFormat="1" applyFont="1" applyFill="1" applyAlignment="1">
      <alignment vertical="center"/>
    </xf>
    <xf numFmtId="0" fontId="20" fillId="0" borderId="4" xfId="534" applyNumberFormat="1" applyFont="1" applyBorder="1" applyAlignment="1">
      <alignment vertical="center" wrapText="1"/>
    </xf>
    <xf numFmtId="172" fontId="20" fillId="0" borderId="4" xfId="534" applyNumberFormat="1" applyFont="1" applyBorder="1" applyAlignment="1">
      <alignment vertical="center" wrapText="1"/>
    </xf>
    <xf numFmtId="173" fontId="2" fillId="0" borderId="0" xfId="5" applyNumberFormat="1" applyFont="1"/>
    <xf numFmtId="9" fontId="2" fillId="0" borderId="0" xfId="5" applyNumberFormat="1" applyFont="1"/>
    <xf numFmtId="0" fontId="13" fillId="0" borderId="16" xfId="0" applyFont="1" applyFill="1" applyBorder="1" applyAlignment="1">
      <alignment horizontal="left" vertical="center" wrapText="1"/>
    </xf>
    <xf numFmtId="0" fontId="14" fillId="0" borderId="0" xfId="0" applyFont="1" applyBorder="1" applyAlignment="1">
      <alignment horizontal="center" vertical="center"/>
    </xf>
    <xf numFmtId="0" fontId="42" fillId="8" borderId="0" xfId="0" applyFont="1" applyFill="1" applyBorder="1" applyAlignment="1">
      <alignment horizontal="left" vertical="top" wrapText="1"/>
    </xf>
    <xf numFmtId="10" fontId="0" fillId="0" borderId="0" xfId="1654" applyNumberFormat="1" applyFont="1"/>
    <xf numFmtId="10" fontId="0" fillId="0" borderId="0" xfId="0" applyNumberFormat="1"/>
    <xf numFmtId="0" fontId="15" fillId="0" borderId="0" xfId="0" applyFont="1"/>
    <xf numFmtId="173" fontId="43" fillId="0" borderId="3" xfId="5" applyNumberFormat="1" applyFont="1" applyBorder="1" applyAlignment="1">
      <alignment horizontal="center" vertical="center"/>
    </xf>
    <xf numFmtId="0" fontId="21" fillId="0" borderId="0" xfId="0" applyFont="1"/>
    <xf numFmtId="173" fontId="43" fillId="0" borderId="2" xfId="5" applyNumberFormat="1" applyFont="1" applyBorder="1" applyAlignment="1">
      <alignment horizontal="center" vertical="center"/>
    </xf>
    <xf numFmtId="0" fontId="43" fillId="0" borderId="4" xfId="0" applyFont="1" applyBorder="1"/>
    <xf numFmtId="173" fontId="15" fillId="0" borderId="3" xfId="5" applyNumberFormat="1" applyFont="1" applyBorder="1" applyAlignment="1">
      <alignment vertical="center"/>
    </xf>
    <xf numFmtId="0" fontId="43" fillId="0" borderId="0" xfId="0" applyFont="1" applyBorder="1"/>
    <xf numFmtId="9" fontId="2" fillId="0" borderId="1" xfId="1654" applyBorder="1"/>
    <xf numFmtId="173" fontId="36" fillId="5" borderId="3" xfId="5" applyNumberFormat="1" applyFont="1" applyFill="1" applyBorder="1" applyAlignment="1">
      <alignment horizontal="right" vertical="top" wrapText="1"/>
    </xf>
    <xf numFmtId="9" fontId="12" fillId="5" borderId="3" xfId="1654" applyFont="1" applyFill="1" applyBorder="1" applyAlignment="1">
      <alignment horizontal="center" vertical="top"/>
    </xf>
    <xf numFmtId="173" fontId="31" fillId="5" borderId="3" xfId="5" applyNumberFormat="1" applyFont="1" applyFill="1" applyBorder="1" applyAlignment="1">
      <alignment horizontal="right" vertical="top" wrapText="1"/>
    </xf>
    <xf numFmtId="0" fontId="42" fillId="8" borderId="0" xfId="0" applyFont="1" applyFill="1" applyBorder="1" applyAlignment="1">
      <alignment horizontal="left" vertical="top"/>
    </xf>
    <xf numFmtId="172" fontId="33" fillId="6" borderId="3" xfId="522" applyNumberFormat="1" applyFont="1" applyFill="1" applyBorder="1" applyAlignment="1">
      <alignment horizontal="center" vertical="center" wrapText="1"/>
    </xf>
    <xf numFmtId="172" fontId="33" fillId="6" borderId="3" xfId="522" applyNumberFormat="1" applyFont="1" applyFill="1" applyBorder="1" applyAlignment="1">
      <alignment horizontal="center" vertical="center"/>
    </xf>
    <xf numFmtId="170" fontId="33" fillId="6" borderId="3" xfId="522" applyNumberFormat="1" applyFont="1" applyFill="1" applyBorder="1" applyAlignment="1">
      <alignment horizontal="center" vertical="center" wrapText="1"/>
    </xf>
    <xf numFmtId="0" fontId="38" fillId="0" borderId="1" xfId="1292" applyFont="1" applyBorder="1"/>
    <xf numFmtId="0" fontId="2" fillId="0" borderId="0" xfId="1292" applyFont="1" applyAlignment="1">
      <alignment vertical="center"/>
    </xf>
    <xf numFmtId="0" fontId="33" fillId="6" borderId="3" xfId="1292" applyFont="1" applyFill="1" applyBorder="1" applyAlignment="1">
      <alignment horizontal="center" vertical="center" wrapText="1"/>
    </xf>
    <xf numFmtId="0" fontId="2" fillId="0" borderId="0" xfId="1292" applyFont="1"/>
    <xf numFmtId="0" fontId="37" fillId="7" borderId="9" xfId="1292" applyFont="1" applyFill="1" applyBorder="1" applyAlignment="1">
      <alignment horizontal="center" vertical="center"/>
    </xf>
    <xf numFmtId="0" fontId="37" fillId="7" borderId="2" xfId="1292" applyFont="1" applyFill="1" applyBorder="1" applyAlignment="1">
      <alignment horizontal="left" vertical="center"/>
    </xf>
    <xf numFmtId="0" fontId="13" fillId="5" borderId="17" xfId="1292" applyFont="1" applyFill="1" applyBorder="1" applyAlignment="1">
      <alignment horizontal="center" vertical="center"/>
    </xf>
    <xf numFmtId="0" fontId="13" fillId="5" borderId="17" xfId="1292" applyFont="1" applyFill="1" applyBorder="1" applyAlignment="1">
      <alignment horizontal="left" vertical="center"/>
    </xf>
    <xf numFmtId="0" fontId="13" fillId="5" borderId="18" xfId="1292" applyFont="1" applyFill="1" applyBorder="1" applyAlignment="1">
      <alignment horizontal="center" vertical="center"/>
    </xf>
    <xf numFmtId="0" fontId="13" fillId="5" borderId="18" xfId="1292" applyFont="1" applyFill="1" applyBorder="1" applyAlignment="1">
      <alignment horizontal="left" vertical="center"/>
    </xf>
    <xf numFmtId="0" fontId="13" fillId="5" borderId="1" xfId="1292" applyFont="1" applyFill="1" applyBorder="1" applyAlignment="1">
      <alignment horizontal="left" vertical="center"/>
    </xf>
    <xf numFmtId="0" fontId="37" fillId="7" borderId="3" xfId="1292" applyFont="1" applyFill="1" applyBorder="1" applyAlignment="1">
      <alignment horizontal="center" vertical="center"/>
    </xf>
    <xf numFmtId="0" fontId="37" fillId="7" borderId="3" xfId="1292" applyFont="1" applyFill="1" applyBorder="1" applyAlignment="1">
      <alignment horizontal="left" vertical="center"/>
    </xf>
    <xf numFmtId="0" fontId="13" fillId="5" borderId="20" xfId="1292" applyFont="1" applyFill="1" applyBorder="1" applyAlignment="1">
      <alignment horizontal="left" vertical="center"/>
    </xf>
    <xf numFmtId="0" fontId="13" fillId="5" borderId="20" xfId="1292" applyFont="1" applyFill="1" applyBorder="1" applyAlignment="1">
      <alignment horizontal="center" vertical="center"/>
    </xf>
    <xf numFmtId="0" fontId="13" fillId="5" borderId="14" xfId="1292" applyFont="1" applyFill="1" applyBorder="1" applyAlignment="1">
      <alignment horizontal="center" vertical="center"/>
    </xf>
    <xf numFmtId="0" fontId="13" fillId="5" borderId="14" xfId="1292" applyFont="1" applyFill="1" applyBorder="1" applyAlignment="1">
      <alignment horizontal="left" vertical="center"/>
    </xf>
    <xf numFmtId="9" fontId="13" fillId="5" borderId="14" xfId="1732" applyNumberFormat="1" applyFont="1" applyFill="1" applyBorder="1" applyAlignment="1">
      <alignment horizontal="center" vertical="center"/>
    </xf>
    <xf numFmtId="9" fontId="2" fillId="0" borderId="0" xfId="1654" applyFont="1" applyBorder="1"/>
    <xf numFmtId="0" fontId="2" fillId="0" borderId="0" xfId="1292" applyFont="1" applyBorder="1"/>
    <xf numFmtId="0" fontId="13" fillId="5" borderId="0" xfId="1292" applyFont="1" applyFill="1" applyBorder="1" applyAlignment="1">
      <alignment horizontal="left" vertical="center"/>
    </xf>
    <xf numFmtId="0" fontId="13" fillId="5" borderId="19" xfId="1292" applyFont="1" applyFill="1" applyBorder="1" applyAlignment="1">
      <alignment horizontal="center" vertical="center"/>
    </xf>
    <xf numFmtId="0" fontId="13" fillId="5" borderId="19" xfId="1292" applyFont="1" applyFill="1" applyBorder="1" applyAlignment="1">
      <alignment horizontal="left" vertical="center"/>
    </xf>
    <xf numFmtId="0" fontId="13" fillId="5" borderId="18" xfId="1292" applyFont="1" applyFill="1" applyBorder="1" applyAlignment="1">
      <alignment horizontal="left" vertical="center" wrapText="1"/>
    </xf>
    <xf numFmtId="0" fontId="2" fillId="5" borderId="0" xfId="1292" applyFont="1" applyFill="1" applyAlignment="1">
      <alignment vertical="center"/>
    </xf>
    <xf numFmtId="172" fontId="2" fillId="0" borderId="0" xfId="1292" applyNumberFormat="1" applyFont="1"/>
    <xf numFmtId="9" fontId="2" fillId="0" borderId="0" xfId="1292" applyNumberFormat="1" applyFont="1"/>
    <xf numFmtId="0" fontId="14" fillId="0" borderId="4" xfId="0" applyFont="1" applyBorder="1" applyAlignment="1">
      <alignment horizontal="center"/>
    </xf>
    <xf numFmtId="0" fontId="22" fillId="0" borderId="0" xfId="0" applyFont="1" applyFill="1" applyBorder="1" applyAlignment="1">
      <alignment horizontal="center" vertical="center" wrapText="1"/>
    </xf>
    <xf numFmtId="49" fontId="20" fillId="0" borderId="24" xfId="534" applyNumberFormat="1" applyFont="1" applyFill="1" applyBorder="1" applyAlignment="1">
      <alignment horizontal="left" vertical="center" wrapText="1"/>
    </xf>
    <xf numFmtId="49" fontId="20" fillId="0" borderId="1" xfId="534" applyNumberFormat="1" applyFont="1" applyFill="1" applyBorder="1" applyAlignment="1">
      <alignment horizontal="left" vertical="center" wrapText="1"/>
    </xf>
    <xf numFmtId="49" fontId="20" fillId="0" borderId="15" xfId="534" applyNumberFormat="1" applyFont="1" applyFill="1" applyBorder="1" applyAlignment="1">
      <alignment horizontal="left" vertical="center" wrapText="1"/>
    </xf>
    <xf numFmtId="0" fontId="12" fillId="0" borderId="10" xfId="0" applyFont="1" applyBorder="1" applyAlignment="1">
      <alignment horizontal="left"/>
    </xf>
    <xf numFmtId="0" fontId="12" fillId="0" borderId="3" xfId="0" applyFont="1" applyBorder="1" applyAlignment="1">
      <alignment horizontal="left"/>
    </xf>
    <xf numFmtId="0" fontId="13" fillId="5" borderId="20" xfId="0" applyFont="1" applyFill="1" applyBorder="1" applyAlignment="1">
      <alignment horizontal="left" vertical="center" wrapText="1"/>
    </xf>
    <xf numFmtId="0" fontId="13" fillId="5" borderId="0" xfId="0" applyFont="1" applyFill="1" applyBorder="1" applyAlignment="1">
      <alignment horizontal="left" vertical="center" wrapText="1"/>
    </xf>
    <xf numFmtId="0" fontId="13" fillId="5" borderId="14" xfId="0" applyFont="1" applyFill="1" applyBorder="1" applyAlignment="1">
      <alignment horizontal="left" vertical="center" wrapText="1"/>
    </xf>
    <xf numFmtId="0" fontId="39" fillId="8" borderId="0" xfId="0" applyFont="1" applyFill="1" applyBorder="1" applyAlignment="1">
      <alignment horizontal="left" vertical="top" wrapText="1"/>
    </xf>
    <xf numFmtId="0" fontId="42" fillId="8" borderId="0" xfId="0" applyFont="1" applyFill="1" applyBorder="1" applyAlignment="1">
      <alignment horizontal="left" vertical="center" wrapText="1"/>
    </xf>
    <xf numFmtId="0" fontId="39" fillId="8" borderId="4" xfId="0" applyFont="1" applyFill="1" applyBorder="1" applyAlignment="1">
      <alignment horizontal="left" vertical="center"/>
    </xf>
    <xf numFmtId="0" fontId="14" fillId="0" borderId="0" xfId="0" applyFont="1" applyBorder="1" applyAlignment="1">
      <alignment horizontal="center"/>
    </xf>
    <xf numFmtId="0" fontId="40" fillId="0" borderId="8" xfId="0" applyFont="1" applyBorder="1" applyAlignment="1">
      <alignment horizontal="left"/>
    </xf>
    <xf numFmtId="0" fontId="40" fillId="0" borderId="8" xfId="0" applyFont="1" applyBorder="1" applyAlignment="1">
      <alignment horizontal="left" wrapText="1"/>
    </xf>
    <xf numFmtId="0" fontId="41" fillId="0" borderId="10" xfId="0" applyFont="1" applyBorder="1" applyAlignment="1">
      <alignment horizontal="center"/>
    </xf>
    <xf numFmtId="0" fontId="14" fillId="0" borderId="0" xfId="0" applyFont="1" applyBorder="1" applyAlignment="1">
      <alignment horizontal="left" vertical="center"/>
    </xf>
    <xf numFmtId="0" fontId="14" fillId="0" borderId="0" xfId="1292" applyFont="1" applyBorder="1" applyAlignment="1">
      <alignment horizontal="center"/>
    </xf>
    <xf numFmtId="0" fontId="22" fillId="0" borderId="0" xfId="1292" applyFont="1" applyFill="1" applyBorder="1" applyAlignment="1">
      <alignment horizontal="center" vertical="center" wrapText="1"/>
    </xf>
    <xf numFmtId="0" fontId="14" fillId="0" borderId="0" xfId="1292" applyFont="1" applyBorder="1" applyAlignment="1">
      <alignment horizontal="center" vertical="center"/>
    </xf>
    <xf numFmtId="0" fontId="37" fillId="5" borderId="9" xfId="1292" applyFont="1" applyFill="1" applyBorder="1" applyAlignment="1">
      <alignment horizontal="center" vertical="center"/>
    </xf>
    <xf numFmtId="0" fontId="37" fillId="5" borderId="2" xfId="1292" applyFont="1" applyFill="1" applyBorder="1" applyAlignment="1">
      <alignment horizontal="center" vertical="center"/>
    </xf>
    <xf numFmtId="173" fontId="43" fillId="0" borderId="17" xfId="0" applyNumberFormat="1" applyFont="1" applyBorder="1" applyAlignment="1">
      <alignment horizontal="center" vertical="center"/>
    </xf>
    <xf numFmtId="173" fontId="43" fillId="0" borderId="19" xfId="0" applyNumberFormat="1" applyFont="1" applyBorder="1" applyAlignment="1">
      <alignment horizontal="center" vertical="center"/>
    </xf>
    <xf numFmtId="173" fontId="43" fillId="0" borderId="17" xfId="5" applyNumberFormat="1" applyFont="1" applyFill="1" applyBorder="1" applyAlignment="1">
      <alignment horizontal="center" vertical="center"/>
    </xf>
    <xf numFmtId="173" fontId="43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3" fontId="43" fillId="0" borderId="17" xfId="5" applyNumberFormat="1" applyFont="1" applyBorder="1" applyAlignment="1">
      <alignment horizontal="center" vertical="center"/>
    </xf>
    <xf numFmtId="173" fontId="43" fillId="0" borderId="19" xfId="5" applyNumberFormat="1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173" fontId="43" fillId="0" borderId="17" xfId="5" applyNumberFormat="1" applyFont="1" applyBorder="1" applyAlignment="1">
      <alignment horizontal="center" vertical="center" wrapText="1"/>
    </xf>
    <xf numFmtId="173" fontId="43" fillId="0" borderId="19" xfId="5" applyNumberFormat="1" applyFont="1" applyBorder="1" applyAlignment="1">
      <alignment horizontal="center" vertical="center" wrapText="1"/>
    </xf>
    <xf numFmtId="0" fontId="43" fillId="0" borderId="17" xfId="0" applyFont="1" applyBorder="1" applyAlignment="1">
      <alignment horizontal="center" vertical="center" wrapText="1"/>
    </xf>
    <xf numFmtId="0" fontId="43" fillId="0" borderId="19" xfId="0" applyFont="1" applyBorder="1" applyAlignment="1">
      <alignment horizontal="center" vertical="center" wrapText="1"/>
    </xf>
  </cellXfs>
  <cellStyles count="1806">
    <cellStyle name="40% - Énfasis5 2" xfId="1"/>
    <cellStyle name="Énfasis2 2" xfId="2"/>
    <cellStyle name="Euro" xfId="3"/>
    <cellStyle name="Euro 2" xfId="4"/>
    <cellStyle name="Millares" xfId="5" builtinId="3"/>
    <cellStyle name="Millares [0] 2" xfId="6"/>
    <cellStyle name="Millares [0] 2 10" xfId="7"/>
    <cellStyle name="Millares [0] 2 11" xfId="8"/>
    <cellStyle name="Millares [0] 2 12" xfId="9"/>
    <cellStyle name="Millares [0] 2 13" xfId="10"/>
    <cellStyle name="Millares [0] 2 14" xfId="11"/>
    <cellStyle name="Millares [0] 2 15" xfId="12"/>
    <cellStyle name="Millares [0] 2 16" xfId="13"/>
    <cellStyle name="Millares [0] 2 17" xfId="14"/>
    <cellStyle name="Millares [0] 2 18" xfId="15"/>
    <cellStyle name="Millares [0] 2 19" xfId="16"/>
    <cellStyle name="Millares [0] 2 2" xfId="17"/>
    <cellStyle name="Millares [0] 2 20" xfId="18"/>
    <cellStyle name="Millares [0] 2 21" xfId="19"/>
    <cellStyle name="Millares [0] 2 22" xfId="20"/>
    <cellStyle name="Millares [0] 2 23" xfId="21"/>
    <cellStyle name="Millares [0] 2 24" xfId="22"/>
    <cellStyle name="Millares [0] 2 25" xfId="23"/>
    <cellStyle name="Millares [0] 2 26" xfId="24"/>
    <cellStyle name="Millares [0] 2 27" xfId="25"/>
    <cellStyle name="Millares [0] 2 28" xfId="26"/>
    <cellStyle name="Millares [0] 2 29" xfId="27"/>
    <cellStyle name="Millares [0] 2 3" xfId="28"/>
    <cellStyle name="Millares [0] 2 30" xfId="29"/>
    <cellStyle name="Millares [0] 2 31" xfId="30"/>
    <cellStyle name="Millares [0] 2 4" xfId="31"/>
    <cellStyle name="Millares [0] 2 5" xfId="32"/>
    <cellStyle name="Millares [0] 2 6" xfId="33"/>
    <cellStyle name="Millares [0] 2 7" xfId="34"/>
    <cellStyle name="Millares [0] 2 8" xfId="35"/>
    <cellStyle name="Millares [0] 2 9" xfId="36"/>
    <cellStyle name="Millares [0] 3" xfId="37"/>
    <cellStyle name="Millares [0] 3 2" xfId="38"/>
    <cellStyle name="Millares [0] 4" xfId="39"/>
    <cellStyle name="Millares [0] 4 2" xfId="40"/>
    <cellStyle name="Millares [0] 5" xfId="41"/>
    <cellStyle name="Millares [0] 5 2" xfId="42"/>
    <cellStyle name="Millares [0] 6" xfId="43"/>
    <cellStyle name="Millares [0] 6 2" xfId="44"/>
    <cellStyle name="Millares [0] 7" xfId="45"/>
    <cellStyle name="Millares 10" xfId="46"/>
    <cellStyle name="Millares 10 2" xfId="47"/>
    <cellStyle name="Millares 10 2 2" xfId="48"/>
    <cellStyle name="Millares 10 2 2 2" xfId="49"/>
    <cellStyle name="Millares 10 2 2 3" xfId="50"/>
    <cellStyle name="Millares 10 2 3" xfId="51"/>
    <cellStyle name="Millares 10 2 3 2" xfId="52"/>
    <cellStyle name="Millares 10 2 4" xfId="53"/>
    <cellStyle name="Millares 10 2 4 2" xfId="54"/>
    <cellStyle name="Millares 10 2 5" xfId="55"/>
    <cellStyle name="Millares 10 2 6" xfId="56"/>
    <cellStyle name="Millares 10 2 7" xfId="57"/>
    <cellStyle name="Millares 10 3" xfId="58"/>
    <cellStyle name="Millares 10 3 2" xfId="59"/>
    <cellStyle name="Millares 10 3 2 2" xfId="60"/>
    <cellStyle name="Millares 10 3 2 3" xfId="61"/>
    <cellStyle name="Millares 10 3 3" xfId="62"/>
    <cellStyle name="Millares 10 3 3 2" xfId="63"/>
    <cellStyle name="Millares 10 3 3 3" xfId="64"/>
    <cellStyle name="Millares 10 3 4" xfId="65"/>
    <cellStyle name="Millares 10 3 4 2" xfId="66"/>
    <cellStyle name="Millares 10 3 4 3" xfId="67"/>
    <cellStyle name="Millares 10 3 5" xfId="68"/>
    <cellStyle name="Millares 10 3 6" xfId="69"/>
    <cellStyle name="Millares 10 4" xfId="70"/>
    <cellStyle name="Millares 100" xfId="71"/>
    <cellStyle name="Millares 100 2" xfId="72"/>
    <cellStyle name="Millares 101" xfId="73"/>
    <cellStyle name="Millares 101 2" xfId="74"/>
    <cellStyle name="Millares 102" xfId="75"/>
    <cellStyle name="Millares 103" xfId="76"/>
    <cellStyle name="Millares 11" xfId="77"/>
    <cellStyle name="Millares 11 2" xfId="78"/>
    <cellStyle name="Millares 11 2 2" xfId="79"/>
    <cellStyle name="Millares 11 2 2 2" xfId="80"/>
    <cellStyle name="Millares 11 2 2 2 2" xfId="81"/>
    <cellStyle name="Millares 11 2 2 2 2 2" xfId="82"/>
    <cellStyle name="Millares 11 2 2 2 2 3" xfId="83"/>
    <cellStyle name="Millares 11 2 2 2 2 4" xfId="84"/>
    <cellStyle name="Millares 11 2 2 2 2 5" xfId="85"/>
    <cellStyle name="Millares 11 2 2 2 2 6" xfId="86"/>
    <cellStyle name="Millares 11 2 2 2 2 7" xfId="87"/>
    <cellStyle name="Millares 11 2 2 2 2 8" xfId="88"/>
    <cellStyle name="Millares 11 2 2 2 3" xfId="89"/>
    <cellStyle name="Millares 11 2 2 2 4" xfId="90"/>
    <cellStyle name="Millares 11 2 2 2 5" xfId="91"/>
    <cellStyle name="Millares 11 2 2 2 6" xfId="92"/>
    <cellStyle name="Millares 11 2 2 2 7" xfId="93"/>
    <cellStyle name="Millares 11 2 2 2 8" xfId="94"/>
    <cellStyle name="Millares 11 2 2 2 9" xfId="95"/>
    <cellStyle name="Millares 11 2 3" xfId="96"/>
    <cellStyle name="Millares 11 2 4" xfId="97"/>
    <cellStyle name="Millares 11 3" xfId="98"/>
    <cellStyle name="Millares 11 3 2" xfId="99"/>
    <cellStyle name="Millares 11 3 3" xfId="100"/>
    <cellStyle name="Millares 11 4" xfId="101"/>
    <cellStyle name="Millares 11 4 10" xfId="102"/>
    <cellStyle name="Millares 11 4 2" xfId="103"/>
    <cellStyle name="Millares 11 4 2 2" xfId="104"/>
    <cellStyle name="Millares 11 4 2 2 2" xfId="105"/>
    <cellStyle name="Millares 11 4 2 2 3" xfId="106"/>
    <cellStyle name="Millares 11 4 2 2 4" xfId="107"/>
    <cellStyle name="Millares 11 4 2 2 5" xfId="108"/>
    <cellStyle name="Millares 11 4 2 2 6" xfId="109"/>
    <cellStyle name="Millares 11 4 2 2 7" xfId="110"/>
    <cellStyle name="Millares 11 4 2 2 8" xfId="111"/>
    <cellStyle name="Millares 11 4 2 3" xfId="112"/>
    <cellStyle name="Millares 11 4 2 4" xfId="113"/>
    <cellStyle name="Millares 11 4 2 5" xfId="114"/>
    <cellStyle name="Millares 11 4 2 6" xfId="115"/>
    <cellStyle name="Millares 11 4 2 7" xfId="116"/>
    <cellStyle name="Millares 11 4 2 8" xfId="117"/>
    <cellStyle name="Millares 11 4 2 9" xfId="118"/>
    <cellStyle name="Millares 11 4 3" xfId="119"/>
    <cellStyle name="Millares 11 4 3 2" xfId="120"/>
    <cellStyle name="Millares 11 4 3 3" xfId="121"/>
    <cellStyle name="Millares 11 4 3 4" xfId="122"/>
    <cellStyle name="Millares 11 4 3 5" xfId="123"/>
    <cellStyle name="Millares 11 4 3 6" xfId="124"/>
    <cellStyle name="Millares 11 4 3 7" xfId="125"/>
    <cellStyle name="Millares 11 4 3 8" xfId="126"/>
    <cellStyle name="Millares 11 4 4" xfId="127"/>
    <cellStyle name="Millares 11 4 5" xfId="128"/>
    <cellStyle name="Millares 11 4 6" xfId="129"/>
    <cellStyle name="Millares 11 4 7" xfId="130"/>
    <cellStyle name="Millares 11 4 8" xfId="131"/>
    <cellStyle name="Millares 11 4 9" xfId="132"/>
    <cellStyle name="Millares 11 5" xfId="133"/>
    <cellStyle name="Millares 11 5 2" xfId="134"/>
    <cellStyle name="Millares 11 5 2 2" xfId="135"/>
    <cellStyle name="Millares 11 5 2 3" xfId="136"/>
    <cellStyle name="Millares 11 5 2 4" xfId="137"/>
    <cellStyle name="Millares 11 5 2 5" xfId="138"/>
    <cellStyle name="Millares 11 5 2 6" xfId="139"/>
    <cellStyle name="Millares 11 5 2 7" xfId="140"/>
    <cellStyle name="Millares 11 5 2 8" xfId="141"/>
    <cellStyle name="Millares 11 5 3" xfId="142"/>
    <cellStyle name="Millares 11 5 4" xfId="143"/>
    <cellStyle name="Millares 11 5 5" xfId="144"/>
    <cellStyle name="Millares 11 5 6" xfId="145"/>
    <cellStyle name="Millares 11 5 7" xfId="146"/>
    <cellStyle name="Millares 11 5 8" xfId="147"/>
    <cellStyle name="Millares 11 5 9" xfId="148"/>
    <cellStyle name="Millares 11 6" xfId="149"/>
    <cellStyle name="Millares 11 6 2" xfId="150"/>
    <cellStyle name="Millares 11 6 2 2" xfId="151"/>
    <cellStyle name="Millares 11 6 2 3" xfId="152"/>
    <cellStyle name="Millares 11 6 2 4" xfId="153"/>
    <cellStyle name="Millares 11 6 2 5" xfId="154"/>
    <cellStyle name="Millares 11 6 2 6" xfId="155"/>
    <cellStyle name="Millares 11 6 2 7" xfId="156"/>
    <cellStyle name="Millares 11 6 2 8" xfId="157"/>
    <cellStyle name="Millares 11 6 3" xfId="158"/>
    <cellStyle name="Millares 11 6 4" xfId="159"/>
    <cellStyle name="Millares 11 6 5" xfId="160"/>
    <cellStyle name="Millares 11 6 6" xfId="161"/>
    <cellStyle name="Millares 11 6 7" xfId="162"/>
    <cellStyle name="Millares 11 6 8" xfId="163"/>
    <cellStyle name="Millares 11 6 9" xfId="164"/>
    <cellStyle name="Millares 11 7" xfId="165"/>
    <cellStyle name="Millares 11 8" xfId="166"/>
    <cellStyle name="Millares 12" xfId="167"/>
    <cellStyle name="Millares 12 2" xfId="168"/>
    <cellStyle name="Millares 12 2 2" xfId="169"/>
    <cellStyle name="Millares 12 2 2 2" xfId="170"/>
    <cellStyle name="Millares 12 2 2 3" xfId="171"/>
    <cellStyle name="Millares 12 2 2 4" xfId="172"/>
    <cellStyle name="Millares 12 3" xfId="173"/>
    <cellStyle name="Millares 12 4" xfId="174"/>
    <cellStyle name="Millares 13" xfId="175"/>
    <cellStyle name="Millares 13 2" xfId="176"/>
    <cellStyle name="Millares 13 2 2" xfId="177"/>
    <cellStyle name="Millares 13 2 3" xfId="178"/>
    <cellStyle name="Millares 14" xfId="179"/>
    <cellStyle name="Millares 15" xfId="180"/>
    <cellStyle name="Millares 15 2" xfId="181"/>
    <cellStyle name="Millares 16" xfId="182"/>
    <cellStyle name="Millares 16 2" xfId="183"/>
    <cellStyle name="Millares 17" xfId="184"/>
    <cellStyle name="Millares 18" xfId="185"/>
    <cellStyle name="Millares 19" xfId="186"/>
    <cellStyle name="Millares 19 2" xfId="187"/>
    <cellStyle name="Millares 19 3" xfId="188"/>
    <cellStyle name="Millares 19 3 2" xfId="189"/>
    <cellStyle name="Millares 19 3 3" xfId="190"/>
    <cellStyle name="Millares 2" xfId="191"/>
    <cellStyle name="Millares 2 10" xfId="192"/>
    <cellStyle name="Millares 2 10 2" xfId="193"/>
    <cellStyle name="Millares 2 10 3" xfId="194"/>
    <cellStyle name="Millares 2 11" xfId="195"/>
    <cellStyle name="Millares 2 11 2" xfId="196"/>
    <cellStyle name="Millares 2 11 3" xfId="197"/>
    <cellStyle name="Millares 2 12" xfId="198"/>
    <cellStyle name="Millares 2 12 2" xfId="199"/>
    <cellStyle name="Millares 2 12 3" xfId="200"/>
    <cellStyle name="Millares 2 13" xfId="201"/>
    <cellStyle name="Millares 2 13 2" xfId="202"/>
    <cellStyle name="Millares 2 13 3" xfId="203"/>
    <cellStyle name="Millares 2 14" xfId="204"/>
    <cellStyle name="Millares 2 14 2" xfId="205"/>
    <cellStyle name="Millares 2 14 3" xfId="206"/>
    <cellStyle name="Millares 2 15" xfId="207"/>
    <cellStyle name="Millares 2 15 2" xfId="208"/>
    <cellStyle name="Millares 2 15 3" xfId="209"/>
    <cellStyle name="Millares 2 16" xfId="210"/>
    <cellStyle name="Millares 2 16 2" xfId="211"/>
    <cellStyle name="Millares 2 16 3" xfId="212"/>
    <cellStyle name="Millares 2 17" xfId="213"/>
    <cellStyle name="Millares 2 17 2" xfId="214"/>
    <cellStyle name="Millares 2 17 3" xfId="215"/>
    <cellStyle name="Millares 2 18" xfId="216"/>
    <cellStyle name="Millares 2 18 2" xfId="217"/>
    <cellStyle name="Millares 2 18 3" xfId="218"/>
    <cellStyle name="Millares 2 19" xfId="219"/>
    <cellStyle name="Millares 2 19 2" xfId="220"/>
    <cellStyle name="Millares 2 19 3" xfId="221"/>
    <cellStyle name="Millares 2 2" xfId="222"/>
    <cellStyle name="Millares 2 2 10" xfId="223"/>
    <cellStyle name="Millares 2 2 10 2" xfId="224"/>
    <cellStyle name="Millares 2 2 10 3" xfId="225"/>
    <cellStyle name="Millares 2 2 11" xfId="226"/>
    <cellStyle name="Millares 2 2 11 2" xfId="227"/>
    <cellStyle name="Millares 2 2 11 3" xfId="228"/>
    <cellStyle name="Millares 2 2 12" xfId="229"/>
    <cellStyle name="Millares 2 2 12 2" xfId="230"/>
    <cellStyle name="Millares 2 2 12 3" xfId="231"/>
    <cellStyle name="Millares 2 2 13" xfId="232"/>
    <cellStyle name="Millares 2 2 13 2" xfId="233"/>
    <cellStyle name="Millares 2 2 13 3" xfId="234"/>
    <cellStyle name="Millares 2 2 14" xfId="235"/>
    <cellStyle name="Millares 2 2 14 2" xfId="236"/>
    <cellStyle name="Millares 2 2 14 3" xfId="237"/>
    <cellStyle name="Millares 2 2 15" xfId="238"/>
    <cellStyle name="Millares 2 2 15 2" xfId="239"/>
    <cellStyle name="Millares 2 2 15 3" xfId="240"/>
    <cellStyle name="Millares 2 2 16" xfId="241"/>
    <cellStyle name="Millares 2 2 16 2" xfId="242"/>
    <cellStyle name="Millares 2 2 16 3" xfId="243"/>
    <cellStyle name="Millares 2 2 17" xfId="244"/>
    <cellStyle name="Millares 2 2 17 2" xfId="245"/>
    <cellStyle name="Millares 2 2 17 3" xfId="246"/>
    <cellStyle name="Millares 2 2 18" xfId="247"/>
    <cellStyle name="Millares 2 2 18 2" xfId="248"/>
    <cellStyle name="Millares 2 2 18 3" xfId="249"/>
    <cellStyle name="Millares 2 2 19" xfId="250"/>
    <cellStyle name="Millares 2 2 19 2" xfId="251"/>
    <cellStyle name="Millares 2 2 19 3" xfId="252"/>
    <cellStyle name="Millares 2 2 2" xfId="253"/>
    <cellStyle name="Millares 2 2 2 2" xfId="254"/>
    <cellStyle name="Millares 2 2 2 2 2" xfId="255"/>
    <cellStyle name="Millares 2 2 2 2 3" xfId="256"/>
    <cellStyle name="Millares 2 2 2 3" xfId="257"/>
    <cellStyle name="Millares 2 2 2 4" xfId="258"/>
    <cellStyle name="Millares 2 2 20" xfId="259"/>
    <cellStyle name="Millares 2 2 20 2" xfId="260"/>
    <cellStyle name="Millares 2 2 20 3" xfId="261"/>
    <cellStyle name="Millares 2 2 21" xfId="262"/>
    <cellStyle name="Millares 2 2 21 2" xfId="263"/>
    <cellStyle name="Millares 2 2 21 3" xfId="264"/>
    <cellStyle name="Millares 2 2 22" xfId="265"/>
    <cellStyle name="Millares 2 2 22 2" xfId="266"/>
    <cellStyle name="Millares 2 2 22 3" xfId="267"/>
    <cellStyle name="Millares 2 2 23" xfId="268"/>
    <cellStyle name="Millares 2 2 23 2" xfId="269"/>
    <cellStyle name="Millares 2 2 23 3" xfId="270"/>
    <cellStyle name="Millares 2 2 24" xfId="271"/>
    <cellStyle name="Millares 2 2 24 2" xfId="272"/>
    <cellStyle name="Millares 2 2 24 3" xfId="273"/>
    <cellStyle name="Millares 2 2 25" xfId="274"/>
    <cellStyle name="Millares 2 2 25 2" xfId="275"/>
    <cellStyle name="Millares 2 2 25 3" xfId="276"/>
    <cellStyle name="Millares 2 2 26" xfId="277"/>
    <cellStyle name="Millares 2 2 26 2" xfId="278"/>
    <cellStyle name="Millares 2 2 26 3" xfId="279"/>
    <cellStyle name="Millares 2 2 27" xfId="280"/>
    <cellStyle name="Millares 2 2 27 2" xfId="281"/>
    <cellStyle name="Millares 2 2 27 3" xfId="282"/>
    <cellStyle name="Millares 2 2 28" xfId="283"/>
    <cellStyle name="Millares 2 2 28 2" xfId="284"/>
    <cellStyle name="Millares 2 2 28 3" xfId="285"/>
    <cellStyle name="Millares 2 2 29" xfId="286"/>
    <cellStyle name="Millares 2 2 29 2" xfId="287"/>
    <cellStyle name="Millares 2 2 29 3" xfId="288"/>
    <cellStyle name="Millares 2 2 3" xfId="289"/>
    <cellStyle name="Millares 2 2 3 2" xfId="290"/>
    <cellStyle name="Millares 2 2 3 3" xfId="291"/>
    <cellStyle name="Millares 2 2 30" xfId="292"/>
    <cellStyle name="Millares 2 2 30 2" xfId="293"/>
    <cellStyle name="Millares 2 2 30 3" xfId="294"/>
    <cellStyle name="Millares 2 2 31" xfId="295"/>
    <cellStyle name="Millares 2 2 31 2" xfId="296"/>
    <cellStyle name="Millares 2 2 31 3" xfId="297"/>
    <cellStyle name="Millares 2 2 32" xfId="298"/>
    <cellStyle name="Millares 2 2 32 2" xfId="299"/>
    <cellStyle name="Millares 2 2 32 3" xfId="300"/>
    <cellStyle name="Millares 2 2 33" xfId="301"/>
    <cellStyle name="Millares 2 2 33 2" xfId="302"/>
    <cellStyle name="Millares 2 2 33 3" xfId="303"/>
    <cellStyle name="Millares 2 2 34" xfId="304"/>
    <cellStyle name="Millares 2 2 34 2" xfId="305"/>
    <cellStyle name="Millares 2 2 34 3" xfId="306"/>
    <cellStyle name="Millares 2 2 35" xfId="307"/>
    <cellStyle name="Millares 2 2 36" xfId="308"/>
    <cellStyle name="Millares 2 2 4" xfId="309"/>
    <cellStyle name="Millares 2 2 4 2" xfId="310"/>
    <cellStyle name="Millares 2 2 4 3" xfId="311"/>
    <cellStyle name="Millares 2 2 5" xfId="312"/>
    <cellStyle name="Millares 2 2 5 2" xfId="313"/>
    <cellStyle name="Millares 2 2 5 3" xfId="314"/>
    <cellStyle name="Millares 2 2 6" xfId="315"/>
    <cellStyle name="Millares 2 2 6 2" xfId="316"/>
    <cellStyle name="Millares 2 2 6 3" xfId="317"/>
    <cellStyle name="Millares 2 2 7" xfId="318"/>
    <cellStyle name="Millares 2 2 7 2" xfId="319"/>
    <cellStyle name="Millares 2 2 7 3" xfId="320"/>
    <cellStyle name="Millares 2 2 8" xfId="321"/>
    <cellStyle name="Millares 2 2 8 2" xfId="322"/>
    <cellStyle name="Millares 2 2 8 3" xfId="323"/>
    <cellStyle name="Millares 2 2 9" xfId="324"/>
    <cellStyle name="Millares 2 2 9 2" xfId="325"/>
    <cellStyle name="Millares 2 2 9 3" xfId="326"/>
    <cellStyle name="Millares 2 20" xfId="327"/>
    <cellStyle name="Millares 2 20 2" xfId="328"/>
    <cellStyle name="Millares 2 20 3" xfId="329"/>
    <cellStyle name="Millares 2 21" xfId="330"/>
    <cellStyle name="Millares 2 21 2" xfId="331"/>
    <cellStyle name="Millares 2 21 3" xfId="332"/>
    <cellStyle name="Millares 2 22" xfId="333"/>
    <cellStyle name="Millares 2 22 2" xfId="334"/>
    <cellStyle name="Millares 2 22 3" xfId="335"/>
    <cellStyle name="Millares 2 23" xfId="336"/>
    <cellStyle name="Millares 2 23 2" xfId="337"/>
    <cellStyle name="Millares 2 23 3" xfId="338"/>
    <cellStyle name="Millares 2 24" xfId="339"/>
    <cellStyle name="Millares 2 24 2" xfId="340"/>
    <cellStyle name="Millares 2 24 3" xfId="341"/>
    <cellStyle name="Millares 2 25" xfId="342"/>
    <cellStyle name="Millares 2 25 2" xfId="343"/>
    <cellStyle name="Millares 2 25 3" xfId="344"/>
    <cellStyle name="Millares 2 26" xfId="345"/>
    <cellStyle name="Millares 2 26 2" xfId="346"/>
    <cellStyle name="Millares 2 26 3" xfId="347"/>
    <cellStyle name="Millares 2 27" xfId="348"/>
    <cellStyle name="Millares 2 27 2" xfId="349"/>
    <cellStyle name="Millares 2 27 3" xfId="350"/>
    <cellStyle name="Millares 2 28" xfId="351"/>
    <cellStyle name="Millares 2 28 2" xfId="352"/>
    <cellStyle name="Millares 2 28 3" xfId="353"/>
    <cellStyle name="Millares 2 29" xfId="354"/>
    <cellStyle name="Millares 2 29 2" xfId="355"/>
    <cellStyle name="Millares 2 29 3" xfId="356"/>
    <cellStyle name="Millares 2 3" xfId="357"/>
    <cellStyle name="Millares 2 3 2" xfId="358"/>
    <cellStyle name="Millares 2 3 3" xfId="359"/>
    <cellStyle name="Millares 2 3 4" xfId="360"/>
    <cellStyle name="Millares 2 3 5" xfId="361"/>
    <cellStyle name="Millares 2 30" xfId="362"/>
    <cellStyle name="Millares 2 30 2" xfId="363"/>
    <cellStyle name="Millares 2 30 3" xfId="364"/>
    <cellStyle name="Millares 2 31" xfId="365"/>
    <cellStyle name="Millares 2 31 2" xfId="366"/>
    <cellStyle name="Millares 2 31 3" xfId="367"/>
    <cellStyle name="Millares 2 32" xfId="368"/>
    <cellStyle name="Millares 2 32 2" xfId="369"/>
    <cellStyle name="Millares 2 32 3" xfId="370"/>
    <cellStyle name="Millares 2 33" xfId="371"/>
    <cellStyle name="Millares 2 33 2" xfId="372"/>
    <cellStyle name="Millares 2 33 3" xfId="373"/>
    <cellStyle name="Millares 2 34" xfId="374"/>
    <cellStyle name="Millares 2 34 2" xfId="375"/>
    <cellStyle name="Millares 2 34 3" xfId="376"/>
    <cellStyle name="Millares 2 35" xfId="377"/>
    <cellStyle name="Millares 2 35 2" xfId="378"/>
    <cellStyle name="Millares 2 35 3" xfId="379"/>
    <cellStyle name="Millares 2 36" xfId="380"/>
    <cellStyle name="Millares 2 36 2" xfId="381"/>
    <cellStyle name="Millares 2 36 3" xfId="382"/>
    <cellStyle name="Millares 2 37" xfId="383"/>
    <cellStyle name="Millares 2 37 2" xfId="384"/>
    <cellStyle name="Millares 2 37 3" xfId="385"/>
    <cellStyle name="Millares 2 38" xfId="386"/>
    <cellStyle name="Millares 2 38 2" xfId="387"/>
    <cellStyle name="Millares 2 38 3" xfId="388"/>
    <cellStyle name="Millares 2 39" xfId="389"/>
    <cellStyle name="Millares 2 39 2" xfId="390"/>
    <cellStyle name="Millares 2 39 3" xfId="391"/>
    <cellStyle name="Millares 2 4" xfId="392"/>
    <cellStyle name="Millares 2 4 2" xfId="393"/>
    <cellStyle name="Millares 2 4 2 2" xfId="394"/>
    <cellStyle name="Millares 2 4 2 3" xfId="395"/>
    <cellStyle name="Millares 2 4 3" xfId="396"/>
    <cellStyle name="Millares 2 4 4" xfId="397"/>
    <cellStyle name="Millares 2 40" xfId="398"/>
    <cellStyle name="Millares 2 40 2" xfId="399"/>
    <cellStyle name="Millares 2 40 3" xfId="400"/>
    <cellStyle name="Millares 2 41" xfId="401"/>
    <cellStyle name="Millares 2 41 2" xfId="402"/>
    <cellStyle name="Millares 2 41 3" xfId="403"/>
    <cellStyle name="Millares 2 42" xfId="404"/>
    <cellStyle name="Millares 2 42 2" xfId="405"/>
    <cellStyle name="Millares 2 42 3" xfId="406"/>
    <cellStyle name="Millares 2 43" xfId="407"/>
    <cellStyle name="Millares 2 43 2" xfId="408"/>
    <cellStyle name="Millares 2 43 3" xfId="409"/>
    <cellStyle name="Millares 2 44" xfId="410"/>
    <cellStyle name="Millares 2 44 2" xfId="411"/>
    <cellStyle name="Millares 2 44 3" xfId="412"/>
    <cellStyle name="Millares 2 45" xfId="413"/>
    <cellStyle name="Millares 2 45 2" xfId="414"/>
    <cellStyle name="Millares 2 45 3" xfId="415"/>
    <cellStyle name="Millares 2 46" xfId="416"/>
    <cellStyle name="Millares 2 46 2" xfId="417"/>
    <cellStyle name="Millares 2 46 3" xfId="418"/>
    <cellStyle name="Millares 2 47" xfId="419"/>
    <cellStyle name="Millares 2 47 2" xfId="420"/>
    <cellStyle name="Millares 2 47 3" xfId="421"/>
    <cellStyle name="Millares 2 48" xfId="422"/>
    <cellStyle name="Millares 2 48 2" xfId="423"/>
    <cellStyle name="Millares 2 48 3" xfId="424"/>
    <cellStyle name="Millares 2 49" xfId="425"/>
    <cellStyle name="Millares 2 49 2" xfId="426"/>
    <cellStyle name="Millares 2 49 3" xfId="427"/>
    <cellStyle name="Millares 2 5" xfId="428"/>
    <cellStyle name="Millares 2 5 2" xfId="429"/>
    <cellStyle name="Millares 2 5 3" xfId="430"/>
    <cellStyle name="Millares 2 5 3 2" xfId="431"/>
    <cellStyle name="Millares 2 5 3 3" xfId="432"/>
    <cellStyle name="Millares 2 5 4" xfId="433"/>
    <cellStyle name="Millares 2 5 5" xfId="434"/>
    <cellStyle name="Millares 2 50" xfId="435"/>
    <cellStyle name="Millares 2 50 2" xfId="436"/>
    <cellStyle name="Millares 2 50 3" xfId="437"/>
    <cellStyle name="Millares 2 51" xfId="438"/>
    <cellStyle name="Millares 2 51 2" xfId="439"/>
    <cellStyle name="Millares 2 51 3" xfId="440"/>
    <cellStyle name="Millares 2 52" xfId="441"/>
    <cellStyle name="Millares 2 52 2" xfId="442"/>
    <cellStyle name="Millares 2 52 3" xfId="443"/>
    <cellStyle name="Millares 2 53" xfId="444"/>
    <cellStyle name="Millares 2 53 2" xfId="445"/>
    <cellStyle name="Millares 2 53 3" xfId="446"/>
    <cellStyle name="Millares 2 54" xfId="447"/>
    <cellStyle name="Millares 2 54 2" xfId="448"/>
    <cellStyle name="Millares 2 54 3" xfId="449"/>
    <cellStyle name="Millares 2 55" xfId="450"/>
    <cellStyle name="Millares 2 55 2" xfId="451"/>
    <cellStyle name="Millares 2 55 3" xfId="452"/>
    <cellStyle name="Millares 2 56" xfId="453"/>
    <cellStyle name="Millares 2 56 2" xfId="454"/>
    <cellStyle name="Millares 2 56 3" xfId="455"/>
    <cellStyle name="Millares 2 57" xfId="456"/>
    <cellStyle name="Millares 2 57 2" xfId="457"/>
    <cellStyle name="Millares 2 57 3" xfId="458"/>
    <cellStyle name="Millares 2 58" xfId="459"/>
    <cellStyle name="Millares 2 58 2" xfId="460"/>
    <cellStyle name="Millares 2 58 3" xfId="461"/>
    <cellStyle name="Millares 2 59" xfId="462"/>
    <cellStyle name="Millares 2 59 2" xfId="463"/>
    <cellStyle name="Millares 2 59 3" xfId="464"/>
    <cellStyle name="Millares 2 6" xfId="465"/>
    <cellStyle name="Millares 2 6 2" xfId="466"/>
    <cellStyle name="Millares 2 6 3" xfId="467"/>
    <cellStyle name="Millares 2 60" xfId="468"/>
    <cellStyle name="Millares 2 60 2" xfId="469"/>
    <cellStyle name="Millares 2 60 3" xfId="470"/>
    <cellStyle name="Millares 2 61" xfId="471"/>
    <cellStyle name="Millares 2 61 2" xfId="472"/>
    <cellStyle name="Millares 2 61 3" xfId="473"/>
    <cellStyle name="Millares 2 62" xfId="474"/>
    <cellStyle name="Millares 2 62 2" xfId="475"/>
    <cellStyle name="Millares 2 62 3" xfId="476"/>
    <cellStyle name="Millares 2 63" xfId="477"/>
    <cellStyle name="Millares 2 63 2" xfId="478"/>
    <cellStyle name="Millares 2 63 3" xfId="479"/>
    <cellStyle name="Millares 2 7" xfId="480"/>
    <cellStyle name="Millares 2 7 2" xfId="481"/>
    <cellStyle name="Millares 2 7 3" xfId="482"/>
    <cellStyle name="Millares 2 8" xfId="483"/>
    <cellStyle name="Millares 2 8 2" xfId="484"/>
    <cellStyle name="Millares 2 8 3" xfId="485"/>
    <cellStyle name="Millares 2 9" xfId="486"/>
    <cellStyle name="Millares 2 9 2" xfId="487"/>
    <cellStyle name="Millares 2 9 3" xfId="488"/>
    <cellStyle name="Millares 2_FG02-2 MATRIZ POR MES" xfId="489"/>
    <cellStyle name="Millares 20" xfId="490"/>
    <cellStyle name="Millares 20 2" xfId="491"/>
    <cellStyle name="Millares 21" xfId="492"/>
    <cellStyle name="Millares 21 2" xfId="493"/>
    <cellStyle name="Millares 22" xfId="494"/>
    <cellStyle name="Millares 22 2" xfId="495"/>
    <cellStyle name="Millares 22 3" xfId="496"/>
    <cellStyle name="Millares 22 3 2" xfId="497"/>
    <cellStyle name="Millares 22 3 3" xfId="498"/>
    <cellStyle name="Millares 23" xfId="499"/>
    <cellStyle name="Millares 24" xfId="500"/>
    <cellStyle name="Millares 24 2" xfId="501"/>
    <cellStyle name="Millares 25" xfId="502"/>
    <cellStyle name="Millares 25 2" xfId="503"/>
    <cellStyle name="Millares 26" xfId="504"/>
    <cellStyle name="Millares 26 2" xfId="505"/>
    <cellStyle name="Millares 27" xfId="506"/>
    <cellStyle name="Millares 27 2" xfId="507"/>
    <cellStyle name="Millares 28" xfId="508"/>
    <cellStyle name="Millares 28 2" xfId="509"/>
    <cellStyle name="Millares 29" xfId="510"/>
    <cellStyle name="Millares 3" xfId="511"/>
    <cellStyle name="Millares 3 10" xfId="512"/>
    <cellStyle name="Millares 3 11" xfId="513"/>
    <cellStyle name="Millares 3 12" xfId="514"/>
    <cellStyle name="Millares 3 13" xfId="515"/>
    <cellStyle name="Millares 3 14" xfId="516"/>
    <cellStyle name="Millares 3 15" xfId="517"/>
    <cellStyle name="Millares 3 16" xfId="518"/>
    <cellStyle name="Millares 3 17" xfId="519"/>
    <cellStyle name="Millares 3 18" xfId="520"/>
    <cellStyle name="Millares 3 19" xfId="521"/>
    <cellStyle name="Millares 3 2" xfId="522"/>
    <cellStyle name="Millares 3 2 10" xfId="523"/>
    <cellStyle name="Millares 3 2 10 2" xfId="524"/>
    <cellStyle name="Millares 3 2 11" xfId="525"/>
    <cellStyle name="Millares 3 2 12" xfId="526"/>
    <cellStyle name="Millares 3 2 13" xfId="527"/>
    <cellStyle name="Millares 3 2 14" xfId="528"/>
    <cellStyle name="Millares 3 2 15" xfId="529"/>
    <cellStyle name="Millares 3 2 16" xfId="530"/>
    <cellStyle name="Millares 3 2 17" xfId="531"/>
    <cellStyle name="Millares 3 2 18" xfId="532"/>
    <cellStyle name="Millares 3 2 19" xfId="533"/>
    <cellStyle name="Millares 3 2 2" xfId="534"/>
    <cellStyle name="Millares 3 2 20" xfId="535"/>
    <cellStyle name="Millares 3 2 21" xfId="536"/>
    <cellStyle name="Millares 3 2 22" xfId="537"/>
    <cellStyle name="Millares 3 2 23" xfId="538"/>
    <cellStyle name="Millares 3 2 24" xfId="539"/>
    <cellStyle name="Millares 3 2 25" xfId="540"/>
    <cellStyle name="Millares 3 2 26" xfId="541"/>
    <cellStyle name="Millares 3 2 27" xfId="542"/>
    <cellStyle name="Millares 3 2 28" xfId="543"/>
    <cellStyle name="Millares 3 2 29" xfId="544"/>
    <cellStyle name="Millares 3 2 3" xfId="545"/>
    <cellStyle name="Millares 3 2 30" xfId="546"/>
    <cellStyle name="Millares 3 2 31" xfId="547"/>
    <cellStyle name="Millares 3 2 32" xfId="548"/>
    <cellStyle name="Millares 3 2 4" xfId="549"/>
    <cellStyle name="Millares 3 2 5" xfId="550"/>
    <cellStyle name="Millares 3 2 6" xfId="551"/>
    <cellStyle name="Millares 3 2 7" xfId="552"/>
    <cellStyle name="Millares 3 2 8" xfId="553"/>
    <cellStyle name="Millares 3 2 9" xfId="554"/>
    <cellStyle name="Millares 3 20" xfId="555"/>
    <cellStyle name="Millares 3 21" xfId="556"/>
    <cellStyle name="Millares 3 22" xfId="557"/>
    <cellStyle name="Millares 3 23" xfId="558"/>
    <cellStyle name="Millares 3 24" xfId="559"/>
    <cellStyle name="Millares 3 25" xfId="560"/>
    <cellStyle name="Millares 3 26" xfId="561"/>
    <cellStyle name="Millares 3 27" xfId="562"/>
    <cellStyle name="Millares 3 28" xfId="563"/>
    <cellStyle name="Millares 3 29" xfId="564"/>
    <cellStyle name="Millares 3 3" xfId="565"/>
    <cellStyle name="Millares 3 3 10" xfId="566"/>
    <cellStyle name="Millares 3 3 11" xfId="567"/>
    <cellStyle name="Millares 3 3 12" xfId="568"/>
    <cellStyle name="Millares 3 3 13" xfId="569"/>
    <cellStyle name="Millares 3 3 14" xfId="570"/>
    <cellStyle name="Millares 3 3 15" xfId="571"/>
    <cellStyle name="Millares 3 3 16" xfId="572"/>
    <cellStyle name="Millares 3 3 17" xfId="573"/>
    <cellStyle name="Millares 3 3 18" xfId="574"/>
    <cellStyle name="Millares 3 3 19" xfId="575"/>
    <cellStyle name="Millares 3 3 2" xfId="576"/>
    <cellStyle name="Millares 3 3 20" xfId="577"/>
    <cellStyle name="Millares 3 3 21" xfId="578"/>
    <cellStyle name="Millares 3 3 22" xfId="579"/>
    <cellStyle name="Millares 3 3 23" xfId="580"/>
    <cellStyle name="Millares 3 3 24" xfId="581"/>
    <cellStyle name="Millares 3 3 25" xfId="582"/>
    <cellStyle name="Millares 3 3 26" xfId="583"/>
    <cellStyle name="Millares 3 3 27" xfId="584"/>
    <cellStyle name="Millares 3 3 28" xfId="585"/>
    <cellStyle name="Millares 3 3 29" xfId="586"/>
    <cellStyle name="Millares 3 3 3" xfId="587"/>
    <cellStyle name="Millares 3 3 4" xfId="588"/>
    <cellStyle name="Millares 3 3 5" xfId="589"/>
    <cellStyle name="Millares 3 3 6" xfId="590"/>
    <cellStyle name="Millares 3 3 7" xfId="591"/>
    <cellStyle name="Millares 3 3 8" xfId="592"/>
    <cellStyle name="Millares 3 3 9" xfId="593"/>
    <cellStyle name="Millares 3 30" xfId="594"/>
    <cellStyle name="Millares 3 31" xfId="595"/>
    <cellStyle name="Millares 3 32" xfId="596"/>
    <cellStyle name="Millares 3 33" xfId="597"/>
    <cellStyle name="Millares 3 34" xfId="598"/>
    <cellStyle name="Millares 3 35" xfId="599"/>
    <cellStyle name="Millares 3 36" xfId="600"/>
    <cellStyle name="Millares 3 37" xfId="601"/>
    <cellStyle name="Millares 3 37 2" xfId="602"/>
    <cellStyle name="Millares 3 38" xfId="603"/>
    <cellStyle name="Millares 3 39" xfId="604"/>
    <cellStyle name="Millares 3 4" xfId="605"/>
    <cellStyle name="Millares 3 4 10" xfId="606"/>
    <cellStyle name="Millares 3 4 11" xfId="607"/>
    <cellStyle name="Millares 3 4 12" xfId="608"/>
    <cellStyle name="Millares 3 4 13" xfId="609"/>
    <cellStyle name="Millares 3 4 14" xfId="610"/>
    <cellStyle name="Millares 3 4 15" xfId="611"/>
    <cellStyle name="Millares 3 4 16" xfId="612"/>
    <cellStyle name="Millares 3 4 17" xfId="613"/>
    <cellStyle name="Millares 3 4 18" xfId="614"/>
    <cellStyle name="Millares 3 4 19" xfId="615"/>
    <cellStyle name="Millares 3 4 2" xfId="616"/>
    <cellStyle name="Millares 3 4 20" xfId="617"/>
    <cellStyle name="Millares 3 4 21" xfId="618"/>
    <cellStyle name="Millares 3 4 22" xfId="619"/>
    <cellStyle name="Millares 3 4 23" xfId="620"/>
    <cellStyle name="Millares 3 4 24" xfId="621"/>
    <cellStyle name="Millares 3 4 25" xfId="622"/>
    <cellStyle name="Millares 3 4 26" xfId="623"/>
    <cellStyle name="Millares 3 4 27" xfId="624"/>
    <cellStyle name="Millares 3 4 28" xfId="625"/>
    <cellStyle name="Millares 3 4 29" xfId="626"/>
    <cellStyle name="Millares 3 4 3" xfId="627"/>
    <cellStyle name="Millares 3 4 4" xfId="628"/>
    <cellStyle name="Millares 3 4 5" xfId="629"/>
    <cellStyle name="Millares 3 4 6" xfId="630"/>
    <cellStyle name="Millares 3 4 7" xfId="631"/>
    <cellStyle name="Millares 3 4 8" xfId="632"/>
    <cellStyle name="Millares 3 4 9" xfId="633"/>
    <cellStyle name="Millares 3 40" xfId="634"/>
    <cellStyle name="Millares 3 41" xfId="635"/>
    <cellStyle name="Millares 3 5" xfId="636"/>
    <cellStyle name="Millares 3 5 10" xfId="637"/>
    <cellStyle name="Millares 3 5 11" xfId="638"/>
    <cellStyle name="Millares 3 5 12" xfId="639"/>
    <cellStyle name="Millares 3 5 13" xfId="640"/>
    <cellStyle name="Millares 3 5 14" xfId="641"/>
    <cellStyle name="Millares 3 5 15" xfId="642"/>
    <cellStyle name="Millares 3 5 16" xfId="643"/>
    <cellStyle name="Millares 3 5 17" xfId="644"/>
    <cellStyle name="Millares 3 5 18" xfId="645"/>
    <cellStyle name="Millares 3 5 19" xfId="646"/>
    <cellStyle name="Millares 3 5 2" xfId="647"/>
    <cellStyle name="Millares 3 5 20" xfId="648"/>
    <cellStyle name="Millares 3 5 21" xfId="649"/>
    <cellStyle name="Millares 3 5 22" xfId="650"/>
    <cellStyle name="Millares 3 5 23" xfId="651"/>
    <cellStyle name="Millares 3 5 24" xfId="652"/>
    <cellStyle name="Millares 3 5 25" xfId="653"/>
    <cellStyle name="Millares 3 5 26" xfId="654"/>
    <cellStyle name="Millares 3 5 27" xfId="655"/>
    <cellStyle name="Millares 3 5 28" xfId="656"/>
    <cellStyle name="Millares 3 5 29" xfId="657"/>
    <cellStyle name="Millares 3 5 3" xfId="658"/>
    <cellStyle name="Millares 3 5 4" xfId="659"/>
    <cellStyle name="Millares 3 5 5" xfId="660"/>
    <cellStyle name="Millares 3 5 6" xfId="661"/>
    <cellStyle name="Millares 3 5 7" xfId="662"/>
    <cellStyle name="Millares 3 5 8" xfId="663"/>
    <cellStyle name="Millares 3 5 9" xfId="664"/>
    <cellStyle name="Millares 3 6" xfId="665"/>
    <cellStyle name="Millares 3 6 10" xfId="666"/>
    <cellStyle name="Millares 3 6 11" xfId="667"/>
    <cellStyle name="Millares 3 6 12" xfId="668"/>
    <cellStyle name="Millares 3 6 13" xfId="669"/>
    <cellStyle name="Millares 3 6 14" xfId="670"/>
    <cellStyle name="Millares 3 6 15" xfId="671"/>
    <cellStyle name="Millares 3 6 16" xfId="672"/>
    <cellStyle name="Millares 3 6 17" xfId="673"/>
    <cellStyle name="Millares 3 6 18" xfId="674"/>
    <cellStyle name="Millares 3 6 19" xfId="675"/>
    <cellStyle name="Millares 3 6 2" xfId="676"/>
    <cellStyle name="Millares 3 6 20" xfId="677"/>
    <cellStyle name="Millares 3 6 21" xfId="678"/>
    <cellStyle name="Millares 3 6 22" xfId="679"/>
    <cellStyle name="Millares 3 6 23" xfId="680"/>
    <cellStyle name="Millares 3 6 24" xfId="681"/>
    <cellStyle name="Millares 3 6 25" xfId="682"/>
    <cellStyle name="Millares 3 6 26" xfId="683"/>
    <cellStyle name="Millares 3 6 27" xfId="684"/>
    <cellStyle name="Millares 3 6 28" xfId="685"/>
    <cellStyle name="Millares 3 6 29" xfId="686"/>
    <cellStyle name="Millares 3 6 3" xfId="687"/>
    <cellStyle name="Millares 3 6 4" xfId="688"/>
    <cellStyle name="Millares 3 6 5" xfId="689"/>
    <cellStyle name="Millares 3 6 6" xfId="690"/>
    <cellStyle name="Millares 3 6 7" xfId="691"/>
    <cellStyle name="Millares 3 6 8" xfId="692"/>
    <cellStyle name="Millares 3 6 9" xfId="693"/>
    <cellStyle name="Millares 3 7" xfId="694"/>
    <cellStyle name="Millares 3 7 10" xfId="695"/>
    <cellStyle name="Millares 3 7 11" xfId="696"/>
    <cellStyle name="Millares 3 7 12" xfId="697"/>
    <cellStyle name="Millares 3 7 13" xfId="698"/>
    <cellStyle name="Millares 3 7 14" xfId="699"/>
    <cellStyle name="Millares 3 7 15" xfId="700"/>
    <cellStyle name="Millares 3 7 16" xfId="701"/>
    <cellStyle name="Millares 3 7 17" xfId="702"/>
    <cellStyle name="Millares 3 7 18" xfId="703"/>
    <cellStyle name="Millares 3 7 19" xfId="704"/>
    <cellStyle name="Millares 3 7 2" xfId="705"/>
    <cellStyle name="Millares 3 7 20" xfId="706"/>
    <cellStyle name="Millares 3 7 21" xfId="707"/>
    <cellStyle name="Millares 3 7 22" xfId="708"/>
    <cellStyle name="Millares 3 7 23" xfId="709"/>
    <cellStyle name="Millares 3 7 24" xfId="710"/>
    <cellStyle name="Millares 3 7 25" xfId="711"/>
    <cellStyle name="Millares 3 7 26" xfId="712"/>
    <cellStyle name="Millares 3 7 27" xfId="713"/>
    <cellStyle name="Millares 3 7 28" xfId="714"/>
    <cellStyle name="Millares 3 7 29" xfId="715"/>
    <cellStyle name="Millares 3 7 3" xfId="716"/>
    <cellStyle name="Millares 3 7 4" xfId="717"/>
    <cellStyle name="Millares 3 7 5" xfId="718"/>
    <cellStyle name="Millares 3 7 6" xfId="719"/>
    <cellStyle name="Millares 3 7 7" xfId="720"/>
    <cellStyle name="Millares 3 7 8" xfId="721"/>
    <cellStyle name="Millares 3 7 9" xfId="722"/>
    <cellStyle name="Millares 3 8" xfId="723"/>
    <cellStyle name="Millares 3 8 10" xfId="724"/>
    <cellStyle name="Millares 3 8 11" xfId="725"/>
    <cellStyle name="Millares 3 8 12" xfId="726"/>
    <cellStyle name="Millares 3 8 13" xfId="727"/>
    <cellStyle name="Millares 3 8 14" xfId="728"/>
    <cellStyle name="Millares 3 8 15" xfId="729"/>
    <cellStyle name="Millares 3 8 16" xfId="730"/>
    <cellStyle name="Millares 3 8 17" xfId="731"/>
    <cellStyle name="Millares 3 8 18" xfId="732"/>
    <cellStyle name="Millares 3 8 19" xfId="733"/>
    <cellStyle name="Millares 3 8 2" xfId="734"/>
    <cellStyle name="Millares 3 8 2 10" xfId="735"/>
    <cellStyle name="Millares 3 8 2 11" xfId="736"/>
    <cellStyle name="Millares 3 8 2 12" xfId="737"/>
    <cellStyle name="Millares 3 8 2 13" xfId="738"/>
    <cellStyle name="Millares 3 8 2 14" xfId="739"/>
    <cellStyle name="Millares 3 8 2 15" xfId="740"/>
    <cellStyle name="Millares 3 8 2 16" xfId="741"/>
    <cellStyle name="Millares 3 8 2 17" xfId="742"/>
    <cellStyle name="Millares 3 8 2 18" xfId="743"/>
    <cellStyle name="Millares 3 8 2 19" xfId="744"/>
    <cellStyle name="Millares 3 8 2 2" xfId="745"/>
    <cellStyle name="Millares 3 8 2 20" xfId="746"/>
    <cellStyle name="Millares 3 8 2 21" xfId="747"/>
    <cellStyle name="Millares 3 8 2 22" xfId="748"/>
    <cellStyle name="Millares 3 8 2 23" xfId="749"/>
    <cellStyle name="Millares 3 8 2 24" xfId="750"/>
    <cellStyle name="Millares 3 8 2 25" xfId="751"/>
    <cellStyle name="Millares 3 8 2 26" xfId="752"/>
    <cellStyle name="Millares 3 8 2 27" xfId="753"/>
    <cellStyle name="Millares 3 8 2 28" xfId="754"/>
    <cellStyle name="Millares 3 8 2 29" xfId="755"/>
    <cellStyle name="Millares 3 8 2 3" xfId="756"/>
    <cellStyle name="Millares 3 8 2 30" xfId="757"/>
    <cellStyle name="Millares 3 8 2 4" xfId="758"/>
    <cellStyle name="Millares 3 8 2 5" xfId="759"/>
    <cellStyle name="Millares 3 8 2 6" xfId="760"/>
    <cellStyle name="Millares 3 8 2 7" xfId="761"/>
    <cellStyle name="Millares 3 8 2 8" xfId="762"/>
    <cellStyle name="Millares 3 8 2 9" xfId="763"/>
    <cellStyle name="Millares 3 8 20" xfId="764"/>
    <cellStyle name="Millares 3 8 21" xfId="765"/>
    <cellStyle name="Millares 3 8 22" xfId="766"/>
    <cellStyle name="Millares 3 8 23" xfId="767"/>
    <cellStyle name="Millares 3 8 24" xfId="768"/>
    <cellStyle name="Millares 3 8 25" xfId="769"/>
    <cellStyle name="Millares 3 8 26" xfId="770"/>
    <cellStyle name="Millares 3 8 27" xfId="771"/>
    <cellStyle name="Millares 3 8 28" xfId="772"/>
    <cellStyle name="Millares 3 8 29" xfId="773"/>
    <cellStyle name="Millares 3 8 3" xfId="774"/>
    <cellStyle name="Millares 3 8 3 2" xfId="775"/>
    <cellStyle name="Millares 3 8 30" xfId="776"/>
    <cellStyle name="Millares 3 8 31" xfId="777"/>
    <cellStyle name="Millares 3 8 4" xfId="778"/>
    <cellStyle name="Millares 3 8 5" xfId="779"/>
    <cellStyle name="Millares 3 8 6" xfId="780"/>
    <cellStyle name="Millares 3 8 7" xfId="781"/>
    <cellStyle name="Millares 3 8 8" xfId="782"/>
    <cellStyle name="Millares 3 8 9" xfId="783"/>
    <cellStyle name="Millares 3 9" xfId="784"/>
    <cellStyle name="Millares 3 9 2" xfId="785"/>
    <cellStyle name="Millares 3 9 2 2" xfId="786"/>
    <cellStyle name="Millares 3 9 2 3" xfId="787"/>
    <cellStyle name="Millares 3 9 3" xfId="788"/>
    <cellStyle name="Millares 3_FG02-2 MATRIZ POR MES" xfId="789"/>
    <cellStyle name="Millares 30" xfId="790"/>
    <cellStyle name="Millares 31" xfId="791"/>
    <cellStyle name="Millares 31 2" xfId="792"/>
    <cellStyle name="Millares 31 3" xfId="793"/>
    <cellStyle name="Millares 31 3 2" xfId="794"/>
    <cellStyle name="Millares 31 3 3" xfId="795"/>
    <cellStyle name="Millares 32" xfId="796"/>
    <cellStyle name="Millares 33" xfId="797"/>
    <cellStyle name="Millares 33 2" xfId="798"/>
    <cellStyle name="Millares 33 2 2" xfId="799"/>
    <cellStyle name="Millares 33 2 3" xfId="800"/>
    <cellStyle name="Millares 34" xfId="801"/>
    <cellStyle name="Millares 35" xfId="802"/>
    <cellStyle name="Millares 36" xfId="803"/>
    <cellStyle name="Millares 37" xfId="804"/>
    <cellStyle name="Millares 37 2" xfId="805"/>
    <cellStyle name="Millares 37 2 2" xfId="806"/>
    <cellStyle name="Millares 37 2 3" xfId="807"/>
    <cellStyle name="Millares 38" xfId="808"/>
    <cellStyle name="Millares 39" xfId="809"/>
    <cellStyle name="Millares 4" xfId="810"/>
    <cellStyle name="Millares 4 10" xfId="811"/>
    <cellStyle name="Millares 4 11" xfId="812"/>
    <cellStyle name="Millares 4 12" xfId="813"/>
    <cellStyle name="Millares 4 13" xfId="814"/>
    <cellStyle name="Millares 4 14" xfId="815"/>
    <cellStyle name="Millares 4 15" xfId="816"/>
    <cellStyle name="Millares 4 16" xfId="817"/>
    <cellStyle name="Millares 4 17" xfId="818"/>
    <cellStyle name="Millares 4 18" xfId="819"/>
    <cellStyle name="Millares 4 19" xfId="820"/>
    <cellStyle name="Millares 4 2" xfId="821"/>
    <cellStyle name="Millares 4 2 10" xfId="822"/>
    <cellStyle name="Millares 4 2 11" xfId="823"/>
    <cellStyle name="Millares 4 2 12" xfId="824"/>
    <cellStyle name="Millares 4 2 13" xfId="825"/>
    <cellStyle name="Millares 4 2 14" xfId="826"/>
    <cellStyle name="Millares 4 2 15" xfId="827"/>
    <cellStyle name="Millares 4 2 16" xfId="828"/>
    <cellStyle name="Millares 4 2 17" xfId="829"/>
    <cellStyle name="Millares 4 2 18" xfId="830"/>
    <cellStyle name="Millares 4 2 19" xfId="831"/>
    <cellStyle name="Millares 4 2 2" xfId="832"/>
    <cellStyle name="Millares 4 2 20" xfId="833"/>
    <cellStyle name="Millares 4 2 21" xfId="834"/>
    <cellStyle name="Millares 4 2 22" xfId="835"/>
    <cellStyle name="Millares 4 2 23" xfId="836"/>
    <cellStyle name="Millares 4 2 24" xfId="837"/>
    <cellStyle name="Millares 4 2 25" xfId="838"/>
    <cellStyle name="Millares 4 2 26" xfId="839"/>
    <cellStyle name="Millares 4 2 27" xfId="840"/>
    <cellStyle name="Millares 4 2 28" xfId="841"/>
    <cellStyle name="Millares 4 2 29" xfId="842"/>
    <cellStyle name="Millares 4 2 3" xfId="843"/>
    <cellStyle name="Millares 4 2 30" xfId="844"/>
    <cellStyle name="Millares 4 2 31" xfId="845"/>
    <cellStyle name="Millares 4 2 32" xfId="846"/>
    <cellStyle name="Millares 4 2 33" xfId="847"/>
    <cellStyle name="Millares 4 2 34" xfId="848"/>
    <cellStyle name="Millares 4 2 35" xfId="849"/>
    <cellStyle name="Millares 4 2 36" xfId="850"/>
    <cellStyle name="Millares 4 2 37" xfId="851"/>
    <cellStyle name="Millares 4 2 38" xfId="852"/>
    <cellStyle name="Millares 4 2 39" xfId="853"/>
    <cellStyle name="Millares 4 2 4" xfId="854"/>
    <cellStyle name="Millares 4 2 40" xfId="855"/>
    <cellStyle name="Millares 4 2 41" xfId="856"/>
    <cellStyle name="Millares 4 2 42" xfId="857"/>
    <cellStyle name="Millares 4 2 43" xfId="858"/>
    <cellStyle name="Millares 4 2 44" xfId="859"/>
    <cellStyle name="Millares 4 2 45" xfId="860"/>
    <cellStyle name="Millares 4 2 46" xfId="861"/>
    <cellStyle name="Millares 4 2 47" xfId="862"/>
    <cellStyle name="Millares 4 2 48" xfId="863"/>
    <cellStyle name="Millares 4 2 49" xfId="864"/>
    <cellStyle name="Millares 4 2 5" xfId="865"/>
    <cellStyle name="Millares 4 2 50" xfId="866"/>
    <cellStyle name="Millares 4 2 51" xfId="867"/>
    <cellStyle name="Millares 4 2 52" xfId="868"/>
    <cellStyle name="Millares 4 2 53" xfId="869"/>
    <cellStyle name="Millares 4 2 54" xfId="870"/>
    <cellStyle name="Millares 4 2 55" xfId="871"/>
    <cellStyle name="Millares 4 2 56" xfId="872"/>
    <cellStyle name="Millares 4 2 57" xfId="873"/>
    <cellStyle name="Millares 4 2 58" xfId="874"/>
    <cellStyle name="Millares 4 2 59" xfId="875"/>
    <cellStyle name="Millares 4 2 6" xfId="876"/>
    <cellStyle name="Millares 4 2 60" xfId="877"/>
    <cellStyle name="Millares 4 2 7" xfId="878"/>
    <cellStyle name="Millares 4 2 8" xfId="879"/>
    <cellStyle name="Millares 4 2 9" xfId="880"/>
    <cellStyle name="Millares 4 20" xfId="881"/>
    <cellStyle name="Millares 4 21" xfId="882"/>
    <cellStyle name="Millares 4 22" xfId="883"/>
    <cellStyle name="Millares 4 23" xfId="884"/>
    <cellStyle name="Millares 4 24" xfId="885"/>
    <cellStyle name="Millares 4 25" xfId="886"/>
    <cellStyle name="Millares 4 26" xfId="887"/>
    <cellStyle name="Millares 4 27" xfId="888"/>
    <cellStyle name="Millares 4 28" xfId="889"/>
    <cellStyle name="Millares 4 29" xfId="890"/>
    <cellStyle name="Millares 4 3" xfId="891"/>
    <cellStyle name="Millares 4 3 10" xfId="892"/>
    <cellStyle name="Millares 4 3 11" xfId="893"/>
    <cellStyle name="Millares 4 3 12" xfId="894"/>
    <cellStyle name="Millares 4 3 13" xfId="895"/>
    <cellStyle name="Millares 4 3 14" xfId="896"/>
    <cellStyle name="Millares 4 3 15" xfId="897"/>
    <cellStyle name="Millares 4 3 16" xfId="898"/>
    <cellStyle name="Millares 4 3 17" xfId="899"/>
    <cellStyle name="Millares 4 3 18" xfId="900"/>
    <cellStyle name="Millares 4 3 19" xfId="901"/>
    <cellStyle name="Millares 4 3 2" xfId="902"/>
    <cellStyle name="Millares 4 3 20" xfId="903"/>
    <cellStyle name="Millares 4 3 21" xfId="904"/>
    <cellStyle name="Millares 4 3 22" xfId="905"/>
    <cellStyle name="Millares 4 3 23" xfId="906"/>
    <cellStyle name="Millares 4 3 24" xfId="907"/>
    <cellStyle name="Millares 4 3 25" xfId="908"/>
    <cellStyle name="Millares 4 3 26" xfId="909"/>
    <cellStyle name="Millares 4 3 27" xfId="910"/>
    <cellStyle name="Millares 4 3 28" xfId="911"/>
    <cellStyle name="Millares 4 3 29" xfId="912"/>
    <cellStyle name="Millares 4 3 3" xfId="913"/>
    <cellStyle name="Millares 4 3 30" xfId="914"/>
    <cellStyle name="Millares 4 3 4" xfId="915"/>
    <cellStyle name="Millares 4 3 5" xfId="916"/>
    <cellStyle name="Millares 4 3 6" xfId="917"/>
    <cellStyle name="Millares 4 3 7" xfId="918"/>
    <cellStyle name="Millares 4 3 8" xfId="919"/>
    <cellStyle name="Millares 4 3 9" xfId="920"/>
    <cellStyle name="Millares 4 30" xfId="921"/>
    <cellStyle name="Millares 4 31" xfId="922"/>
    <cellStyle name="Millares 4 32" xfId="923"/>
    <cellStyle name="Millares 4 33" xfId="924"/>
    <cellStyle name="Millares 4 34" xfId="925"/>
    <cellStyle name="Millares 4 35" xfId="926"/>
    <cellStyle name="Millares 4 36" xfId="927"/>
    <cellStyle name="Millares 4 37" xfId="928"/>
    <cellStyle name="Millares 4 38" xfId="929"/>
    <cellStyle name="Millares 4 39" xfId="930"/>
    <cellStyle name="Millares 4 4" xfId="931"/>
    <cellStyle name="Millares 4 4 2" xfId="932"/>
    <cellStyle name="Millares 4 40" xfId="933"/>
    <cellStyle name="Millares 4 41" xfId="934"/>
    <cellStyle name="Millares 4 42" xfId="935"/>
    <cellStyle name="Millares 4 43" xfId="936"/>
    <cellStyle name="Millares 4 44" xfId="937"/>
    <cellStyle name="Millares 4 45" xfId="938"/>
    <cellStyle name="Millares 4 46" xfId="939"/>
    <cellStyle name="Millares 4 47" xfId="940"/>
    <cellStyle name="Millares 4 48" xfId="941"/>
    <cellStyle name="Millares 4 49" xfId="942"/>
    <cellStyle name="Millares 4 5" xfId="943"/>
    <cellStyle name="Millares 4 50" xfId="944"/>
    <cellStyle name="Millares 4 51" xfId="945"/>
    <cellStyle name="Millares 4 52" xfId="946"/>
    <cellStyle name="Millares 4 53" xfId="947"/>
    <cellStyle name="Millares 4 54" xfId="948"/>
    <cellStyle name="Millares 4 55" xfId="949"/>
    <cellStyle name="Millares 4 56" xfId="950"/>
    <cellStyle name="Millares 4 57" xfId="951"/>
    <cellStyle name="Millares 4 58" xfId="952"/>
    <cellStyle name="Millares 4 59" xfId="953"/>
    <cellStyle name="Millares 4 6" xfId="954"/>
    <cellStyle name="Millares 4 60" xfId="955"/>
    <cellStyle name="Millares 4 61" xfId="956"/>
    <cellStyle name="Millares 4 62" xfId="957"/>
    <cellStyle name="Millares 4 7" xfId="958"/>
    <cellStyle name="Millares 4 8" xfId="959"/>
    <cellStyle name="Millares 4 9" xfId="960"/>
    <cellStyle name="Millares 4_Form. Antepr. 2012" xfId="961"/>
    <cellStyle name="Millares 40" xfId="962"/>
    <cellStyle name="Millares 40 2" xfId="963"/>
    <cellStyle name="Millares 40 2 2" xfId="964"/>
    <cellStyle name="Millares 40 2 3" xfId="965"/>
    <cellStyle name="Millares 41" xfId="966"/>
    <cellStyle name="Millares 42" xfId="967"/>
    <cellStyle name="Millares 43" xfId="968"/>
    <cellStyle name="Millares 43 2" xfId="969"/>
    <cellStyle name="Millares 43 2 2" xfId="970"/>
    <cellStyle name="Millares 43 2 3" xfId="971"/>
    <cellStyle name="Millares 44" xfId="972"/>
    <cellStyle name="Millares 45" xfId="973"/>
    <cellStyle name="Millares 46" xfId="974"/>
    <cellStyle name="Millares 46 2" xfId="975"/>
    <cellStyle name="Millares 46 2 2" xfId="976"/>
    <cellStyle name="Millares 46 2 3" xfId="977"/>
    <cellStyle name="Millares 47" xfId="978"/>
    <cellStyle name="Millares 48" xfId="979"/>
    <cellStyle name="Millares 49" xfId="980"/>
    <cellStyle name="Millares 5" xfId="981"/>
    <cellStyle name="Millares 5 10" xfId="982"/>
    <cellStyle name="Millares 5 11" xfId="983"/>
    <cellStyle name="Millares 5 12" xfId="984"/>
    <cellStyle name="Millares 5 13" xfId="985"/>
    <cellStyle name="Millares 5 14" xfId="986"/>
    <cellStyle name="Millares 5 15" xfId="987"/>
    <cellStyle name="Millares 5 16" xfId="988"/>
    <cellStyle name="Millares 5 17" xfId="989"/>
    <cellStyle name="Millares 5 18" xfId="990"/>
    <cellStyle name="Millares 5 19" xfId="991"/>
    <cellStyle name="Millares 5 2" xfId="992"/>
    <cellStyle name="Millares 5 2 10" xfId="993"/>
    <cellStyle name="Millares 5 2 11" xfId="994"/>
    <cellStyle name="Millares 5 2 12" xfId="995"/>
    <cellStyle name="Millares 5 2 13" xfId="996"/>
    <cellStyle name="Millares 5 2 14" xfId="997"/>
    <cellStyle name="Millares 5 2 15" xfId="998"/>
    <cellStyle name="Millares 5 2 16" xfId="999"/>
    <cellStyle name="Millares 5 2 17" xfId="1000"/>
    <cellStyle name="Millares 5 2 18" xfId="1001"/>
    <cellStyle name="Millares 5 2 19" xfId="1002"/>
    <cellStyle name="Millares 5 2 2" xfId="1003"/>
    <cellStyle name="Millares 5 2 20" xfId="1004"/>
    <cellStyle name="Millares 5 2 21" xfId="1005"/>
    <cellStyle name="Millares 5 2 22" xfId="1006"/>
    <cellStyle name="Millares 5 2 23" xfId="1007"/>
    <cellStyle name="Millares 5 2 24" xfId="1008"/>
    <cellStyle name="Millares 5 2 25" xfId="1009"/>
    <cellStyle name="Millares 5 2 26" xfId="1010"/>
    <cellStyle name="Millares 5 2 27" xfId="1011"/>
    <cellStyle name="Millares 5 2 28" xfId="1012"/>
    <cellStyle name="Millares 5 2 29" xfId="1013"/>
    <cellStyle name="Millares 5 2 3" xfId="1014"/>
    <cellStyle name="Millares 5 2 4" xfId="1015"/>
    <cellStyle name="Millares 5 2 5" xfId="1016"/>
    <cellStyle name="Millares 5 2 6" xfId="1017"/>
    <cellStyle name="Millares 5 2 7" xfId="1018"/>
    <cellStyle name="Millares 5 2 8" xfId="1019"/>
    <cellStyle name="Millares 5 2 9" xfId="1020"/>
    <cellStyle name="Millares 5 20" xfId="1021"/>
    <cellStyle name="Millares 5 21" xfId="1022"/>
    <cellStyle name="Millares 5 22" xfId="1023"/>
    <cellStyle name="Millares 5 23" xfId="1024"/>
    <cellStyle name="Millares 5 24" xfId="1025"/>
    <cellStyle name="Millares 5 25" xfId="1026"/>
    <cellStyle name="Millares 5 26" xfId="1027"/>
    <cellStyle name="Millares 5 27" xfId="1028"/>
    <cellStyle name="Millares 5 28" xfId="1029"/>
    <cellStyle name="Millares 5 29" xfId="1030"/>
    <cellStyle name="Millares 5 3" xfId="1031"/>
    <cellStyle name="Millares 5 30" xfId="1032"/>
    <cellStyle name="Millares 5 4" xfId="1033"/>
    <cellStyle name="Millares 5 5" xfId="1034"/>
    <cellStyle name="Millares 5 6" xfId="1035"/>
    <cellStyle name="Millares 5 7" xfId="1036"/>
    <cellStyle name="Millares 5 8" xfId="1037"/>
    <cellStyle name="Millares 5 9" xfId="1038"/>
    <cellStyle name="Millares 50" xfId="1039"/>
    <cellStyle name="Millares 51" xfId="1040"/>
    <cellStyle name="Millares 52" xfId="1041"/>
    <cellStyle name="Millares 53" xfId="1042"/>
    <cellStyle name="Millares 54" xfId="1043"/>
    <cellStyle name="Millares 55" xfId="1044"/>
    <cellStyle name="Millares 56" xfId="1045"/>
    <cellStyle name="Millares 57" xfId="1046"/>
    <cellStyle name="Millares 58" xfId="1047"/>
    <cellStyle name="Millares 59" xfId="1048"/>
    <cellStyle name="Millares 6" xfId="1049"/>
    <cellStyle name="Millares 6 10" xfId="1050"/>
    <cellStyle name="Millares 6 11" xfId="1051"/>
    <cellStyle name="Millares 6 12" xfId="1052"/>
    <cellStyle name="Millares 6 13" xfId="1053"/>
    <cellStyle name="Millares 6 14" xfId="1054"/>
    <cellStyle name="Millares 6 15" xfId="1055"/>
    <cellStyle name="Millares 6 16" xfId="1056"/>
    <cellStyle name="Millares 6 17" xfId="1057"/>
    <cellStyle name="Millares 6 18" xfId="1058"/>
    <cellStyle name="Millares 6 19" xfId="1059"/>
    <cellStyle name="Millares 6 2" xfId="1060"/>
    <cellStyle name="Millares 6 2 2" xfId="1061"/>
    <cellStyle name="Millares 6 2 2 2" xfId="1062"/>
    <cellStyle name="Millares 6 2 2 3" xfId="1063"/>
    <cellStyle name="Millares 6 20" xfId="1064"/>
    <cellStyle name="Millares 6 21" xfId="1065"/>
    <cellStyle name="Millares 6 22" xfId="1066"/>
    <cellStyle name="Millares 6 23" xfId="1067"/>
    <cellStyle name="Millares 6 24" xfId="1068"/>
    <cellStyle name="Millares 6 25" xfId="1069"/>
    <cellStyle name="Millares 6 26" xfId="1070"/>
    <cellStyle name="Millares 6 27" xfId="1071"/>
    <cellStyle name="Millares 6 28" xfId="1072"/>
    <cellStyle name="Millares 6 29" xfId="1073"/>
    <cellStyle name="Millares 6 3" xfId="1074"/>
    <cellStyle name="Millares 6 4" xfId="1075"/>
    <cellStyle name="Millares 6 5" xfId="1076"/>
    <cellStyle name="Millares 6 6" xfId="1077"/>
    <cellStyle name="Millares 6 7" xfId="1078"/>
    <cellStyle name="Millares 6 8" xfId="1079"/>
    <cellStyle name="Millares 6 9" xfId="1080"/>
    <cellStyle name="Millares 60" xfId="1081"/>
    <cellStyle name="Millares 61" xfId="1082"/>
    <cellStyle name="Millares 62" xfId="1083"/>
    <cellStyle name="Millares 63" xfId="1084"/>
    <cellStyle name="Millares 64" xfId="1085"/>
    <cellStyle name="Millares 65" xfId="1086"/>
    <cellStyle name="Millares 66" xfId="1087"/>
    <cellStyle name="Millares 67" xfId="1088"/>
    <cellStyle name="Millares 68" xfId="1089"/>
    <cellStyle name="Millares 68 2" xfId="1090"/>
    <cellStyle name="Millares 68 2 2" xfId="1091"/>
    <cellStyle name="Millares 68 2 2 2" xfId="1092"/>
    <cellStyle name="Millares 68 2 2 3" xfId="1093"/>
    <cellStyle name="Millares 68 2 3" xfId="1094"/>
    <cellStyle name="Millares 68 2 4" xfId="1095"/>
    <cellStyle name="Millares 69" xfId="1096"/>
    <cellStyle name="Millares 7" xfId="1097"/>
    <cellStyle name="Millares 7 2" xfId="1098"/>
    <cellStyle name="Millares 7 2 2" xfId="1099"/>
    <cellStyle name="Millares 7 2 3" xfId="1100"/>
    <cellStyle name="Millares 7 3" xfId="1101"/>
    <cellStyle name="Millares 7 4" xfId="1102"/>
    <cellStyle name="Millares 70" xfId="1103"/>
    <cellStyle name="Millares 71" xfId="1104"/>
    <cellStyle name="Millares 71 2" xfId="1105"/>
    <cellStyle name="Millares 71 2 2" xfId="1106"/>
    <cellStyle name="Millares 71 2 3" xfId="1107"/>
    <cellStyle name="Millares 71 3" xfId="1108"/>
    <cellStyle name="Millares 71 4" xfId="1109"/>
    <cellStyle name="Millares 72" xfId="1110"/>
    <cellStyle name="Millares 72 2" xfId="1111"/>
    <cellStyle name="Millares 72 2 2" xfId="1112"/>
    <cellStyle name="Millares 72 2 3" xfId="1113"/>
    <cellStyle name="Millares 72 3" xfId="1114"/>
    <cellStyle name="Millares 72 4" xfId="1115"/>
    <cellStyle name="Millares 73" xfId="1116"/>
    <cellStyle name="Millares 73 2" xfId="1117"/>
    <cellStyle name="Millares 73 2 2" xfId="1118"/>
    <cellStyle name="Millares 73 2 3" xfId="1119"/>
    <cellStyle name="Millares 73 3" xfId="1120"/>
    <cellStyle name="Millares 73 4" xfId="1121"/>
    <cellStyle name="Millares 74" xfId="1122"/>
    <cellStyle name="Millares 75" xfId="1123"/>
    <cellStyle name="Millares 76" xfId="1124"/>
    <cellStyle name="Millares 76 2" xfId="1125"/>
    <cellStyle name="Millares 76 2 2" xfId="1126"/>
    <cellStyle name="Millares 76 2 3" xfId="1127"/>
    <cellStyle name="Millares 76 3" xfId="1128"/>
    <cellStyle name="Millares 76 4" xfId="1129"/>
    <cellStyle name="Millares 77" xfId="1130"/>
    <cellStyle name="Millares 77 2" xfId="1131"/>
    <cellStyle name="Millares 77 2 2" xfId="1132"/>
    <cellStyle name="Millares 77 2 3" xfId="1133"/>
    <cellStyle name="Millares 77 3" xfId="1134"/>
    <cellStyle name="Millares 77 4" xfId="1135"/>
    <cellStyle name="Millares 78" xfId="1136"/>
    <cellStyle name="Millares 78 2" xfId="1137"/>
    <cellStyle name="Millares 78 3" xfId="1138"/>
    <cellStyle name="Millares 79" xfId="1139"/>
    <cellStyle name="Millares 79 2" xfId="1140"/>
    <cellStyle name="Millares 79 2 2" xfId="1141"/>
    <cellStyle name="Millares 79 2 2 2" xfId="1142"/>
    <cellStyle name="Millares 79 2 2 3" xfId="1143"/>
    <cellStyle name="Millares 79 2 3" xfId="1144"/>
    <cellStyle name="Millares 79 2 4" xfId="1145"/>
    <cellStyle name="Millares 79 3" xfId="1146"/>
    <cellStyle name="Millares 79 4" xfId="1147"/>
    <cellStyle name="Millares 8" xfId="1148"/>
    <cellStyle name="Millares 8 2" xfId="1149"/>
    <cellStyle name="Millares 8 2 2" xfId="1150"/>
    <cellStyle name="Millares 8 3" xfId="1151"/>
    <cellStyle name="Millares 8 3 2" xfId="1152"/>
    <cellStyle name="Millares 8 3 3" xfId="1153"/>
    <cellStyle name="Millares 8 4" xfId="1154"/>
    <cellStyle name="Millares 8 5" xfId="1155"/>
    <cellStyle name="Millares 80" xfId="1156"/>
    <cellStyle name="Millares 80 2" xfId="1157"/>
    <cellStyle name="Millares 80 3" xfId="1158"/>
    <cellStyle name="Millares 81" xfId="1159"/>
    <cellStyle name="Millares 81 2" xfId="1160"/>
    <cellStyle name="Millares 81 3" xfId="1161"/>
    <cellStyle name="Millares 82" xfId="1162"/>
    <cellStyle name="Millares 82 2" xfId="1163"/>
    <cellStyle name="Millares 82 2 2" xfId="1164"/>
    <cellStyle name="Millares 82 3" xfId="1165"/>
    <cellStyle name="Millares 83" xfId="1166"/>
    <cellStyle name="Millares 83 2" xfId="1167"/>
    <cellStyle name="Millares 83 3" xfId="1168"/>
    <cellStyle name="Millares 84" xfId="1169"/>
    <cellStyle name="Millares 84 2" xfId="1170"/>
    <cellStyle name="Millares 84 3" xfId="1171"/>
    <cellStyle name="Millares 85" xfId="1172"/>
    <cellStyle name="Millares 85 2" xfId="1173"/>
    <cellStyle name="Millares 85 3" xfId="1174"/>
    <cellStyle name="Millares 86" xfId="1175"/>
    <cellStyle name="Millares 86 2" xfId="1176"/>
    <cellStyle name="Millares 86 3" xfId="1177"/>
    <cellStyle name="Millares 87" xfId="1178"/>
    <cellStyle name="Millares 87 2" xfId="1179"/>
    <cellStyle name="Millares 87 3" xfId="1180"/>
    <cellStyle name="Millares 88" xfId="1181"/>
    <cellStyle name="Millares 88 2" xfId="1182"/>
    <cellStyle name="Millares 88 3" xfId="1183"/>
    <cellStyle name="Millares 89" xfId="1184"/>
    <cellStyle name="Millares 89 2" xfId="1185"/>
    <cellStyle name="Millares 89 3" xfId="1186"/>
    <cellStyle name="Millares 9" xfId="1187"/>
    <cellStyle name="Millares 9 2" xfId="1188"/>
    <cellStyle name="Millares 9 2 2" xfId="1189"/>
    <cellStyle name="Millares 9 2 2 2" xfId="1190"/>
    <cellStyle name="Millares 9 2 2 3" xfId="1191"/>
    <cellStyle name="Millares 9 3" xfId="1192"/>
    <cellStyle name="Millares 9 3 2" xfId="1193"/>
    <cellStyle name="Millares 9 3 3" xfId="1194"/>
    <cellStyle name="Millares 9 4" xfId="1195"/>
    <cellStyle name="Millares 9 5" xfId="1196"/>
    <cellStyle name="Millares 90" xfId="1197"/>
    <cellStyle name="Millares 90 2" xfId="1198"/>
    <cellStyle name="Millares 90 3" xfId="1199"/>
    <cellStyle name="Millares 91" xfId="1200"/>
    <cellStyle name="Millares 91 2" xfId="1201"/>
    <cellStyle name="Millares 91 3" xfId="1202"/>
    <cellStyle name="Millares 92" xfId="1203"/>
    <cellStyle name="Millares 92 2" xfId="1204"/>
    <cellStyle name="Millares 92 3" xfId="1205"/>
    <cellStyle name="Millares 93" xfId="1206"/>
    <cellStyle name="Millares 93 2" xfId="1207"/>
    <cellStyle name="Millares 93 3" xfId="1208"/>
    <cellStyle name="Millares 94" xfId="1209"/>
    <cellStyle name="Millares 94 2" xfId="1210"/>
    <cellStyle name="Millares 94 3" xfId="1211"/>
    <cellStyle name="Millares 95" xfId="1212"/>
    <cellStyle name="Millares 95 2" xfId="1213"/>
    <cellStyle name="Millares 95 3" xfId="1214"/>
    <cellStyle name="Millares 96" xfId="1215"/>
    <cellStyle name="Millares 97" xfId="1216"/>
    <cellStyle name="Millares 97 2" xfId="1217"/>
    <cellStyle name="Millares 98" xfId="1218"/>
    <cellStyle name="Millares 99" xfId="1219"/>
    <cellStyle name="Millares_Hoja1 2 2" xfId="1220"/>
    <cellStyle name="Moneda 2" xfId="1221"/>
    <cellStyle name="Moneda 2 10" xfId="1222"/>
    <cellStyle name="Moneda 2 11" xfId="1223"/>
    <cellStyle name="Moneda 2 12" xfId="1224"/>
    <cellStyle name="Moneda 2 13" xfId="1225"/>
    <cellStyle name="Moneda 2 14" xfId="1226"/>
    <cellStyle name="Moneda 2 15" xfId="1227"/>
    <cellStyle name="Moneda 2 16" xfId="1228"/>
    <cellStyle name="Moneda 2 17" xfId="1229"/>
    <cellStyle name="Moneda 2 18" xfId="1230"/>
    <cellStyle name="Moneda 2 19" xfId="1231"/>
    <cellStyle name="Moneda 2 2" xfId="1232"/>
    <cellStyle name="Moneda 2 20" xfId="1233"/>
    <cellStyle name="Moneda 2 21" xfId="1234"/>
    <cellStyle name="Moneda 2 22" xfId="1235"/>
    <cellStyle name="Moneda 2 23" xfId="1236"/>
    <cellStyle name="Moneda 2 24" xfId="1237"/>
    <cellStyle name="Moneda 2 25" xfId="1238"/>
    <cellStyle name="Moneda 2 26" xfId="1239"/>
    <cellStyle name="Moneda 2 27" xfId="1240"/>
    <cellStyle name="Moneda 2 28" xfId="1241"/>
    <cellStyle name="Moneda 2 29" xfId="1242"/>
    <cellStyle name="Moneda 2 3" xfId="1243"/>
    <cellStyle name="Moneda 2 30" xfId="1244"/>
    <cellStyle name="Moneda 2 31" xfId="1245"/>
    <cellStyle name="Moneda 2 32" xfId="1246"/>
    <cellStyle name="Moneda 2 33" xfId="1247"/>
    <cellStyle name="Moneda 2 4" xfId="1248"/>
    <cellStyle name="Moneda 2 5" xfId="1249"/>
    <cellStyle name="Moneda 2 6" xfId="1250"/>
    <cellStyle name="Moneda 2 7" xfId="1251"/>
    <cellStyle name="Moneda 2 8" xfId="1252"/>
    <cellStyle name="Moneda 2 9" xfId="1253"/>
    <cellStyle name="Normal" xfId="0" builtinId="0"/>
    <cellStyle name="Normal 10" xfId="1254"/>
    <cellStyle name="Normal 11" xfId="1255"/>
    <cellStyle name="Normal 12" xfId="1256"/>
    <cellStyle name="Normal 13" xfId="1257"/>
    <cellStyle name="Normal 13 2" xfId="1258"/>
    <cellStyle name="Normal 13 2 2" xfId="1259"/>
    <cellStyle name="Normal 13 3" xfId="1260"/>
    <cellStyle name="Normal 13 3 2" xfId="1261"/>
    <cellStyle name="Normal 13 4" xfId="1262"/>
    <cellStyle name="Normal 13 4 2" xfId="1263"/>
    <cellStyle name="Normal 13 5" xfId="1264"/>
    <cellStyle name="Normal 14" xfId="1265"/>
    <cellStyle name="Normal 14 2" xfId="1266"/>
    <cellStyle name="Normal 14 2 2" xfId="1267"/>
    <cellStyle name="Normal 14 2 2 2" xfId="1268"/>
    <cellStyle name="Normal 14 2 3" xfId="1269"/>
    <cellStyle name="Normal 14 3" xfId="1270"/>
    <cellStyle name="Normal 15" xfId="1271"/>
    <cellStyle name="Normal 16" xfId="1272"/>
    <cellStyle name="Normal 17 2" xfId="1273"/>
    <cellStyle name="Normal 18 2" xfId="1274"/>
    <cellStyle name="Normal 18 2 2" xfId="1275"/>
    <cellStyle name="Normal 18 2 2 2" xfId="1276"/>
    <cellStyle name="Normal 18 2 3" xfId="1277"/>
    <cellStyle name="Normal 18 3" xfId="1278"/>
    <cellStyle name="Normal 19 2" xfId="1279"/>
    <cellStyle name="Normal 2" xfId="1280"/>
    <cellStyle name="Normal 2 10" xfId="1281"/>
    <cellStyle name="Normal 2 11" xfId="1282"/>
    <cellStyle name="Normal 2 12" xfId="1283"/>
    <cellStyle name="Normal 2 13" xfId="1284"/>
    <cellStyle name="Normal 2 14" xfId="1285"/>
    <cellStyle name="Normal 2 15" xfId="1286"/>
    <cellStyle name="Normal 2 16" xfId="1287"/>
    <cellStyle name="Normal 2 17" xfId="1288"/>
    <cellStyle name="Normal 2 18" xfId="1289"/>
    <cellStyle name="Normal 2 19" xfId="1290"/>
    <cellStyle name="Normal 2 2" xfId="1291"/>
    <cellStyle name="Normal 2 2 2" xfId="1292"/>
    <cellStyle name="Normal 2 2 2 2" xfId="1293"/>
    <cellStyle name="Normal 2 2 3" xfId="1294"/>
    <cellStyle name="Normal 2 20" xfId="1295"/>
    <cellStyle name="Normal 2 21" xfId="1296"/>
    <cellStyle name="Normal 2 22" xfId="1297"/>
    <cellStyle name="Normal 2 23" xfId="1298"/>
    <cellStyle name="Normal 2 24" xfId="1299"/>
    <cellStyle name="Normal 2 25" xfId="1300"/>
    <cellStyle name="Normal 2 26" xfId="1301"/>
    <cellStyle name="Normal 2 27" xfId="1302"/>
    <cellStyle name="Normal 2 28" xfId="1303"/>
    <cellStyle name="Normal 2 29" xfId="1304"/>
    <cellStyle name="Normal 2 3" xfId="1305"/>
    <cellStyle name="Normal 2 3 2" xfId="1306"/>
    <cellStyle name="Normal 2 3 2 2" xfId="1307"/>
    <cellStyle name="Normal 2 3 2 2 2" xfId="1308"/>
    <cellStyle name="Normal 2 3 2 3" xfId="1309"/>
    <cellStyle name="Normal 2 30" xfId="1310"/>
    <cellStyle name="Normal 2 31" xfId="1311"/>
    <cellStyle name="Normal 2 32" xfId="1312"/>
    <cellStyle name="Normal 2 33" xfId="1313"/>
    <cellStyle name="Normal 2 34" xfId="1314"/>
    <cellStyle name="Normal 2 4" xfId="1315"/>
    <cellStyle name="Normal 2 4 2" xfId="1316"/>
    <cellStyle name="Normal 2 4 3" xfId="1317"/>
    <cellStyle name="Normal 2 5" xfId="1318"/>
    <cellStyle name="Normal 2 6" xfId="1319"/>
    <cellStyle name="Normal 2 7" xfId="1320"/>
    <cellStyle name="Normal 2 8" xfId="1321"/>
    <cellStyle name="Normal 2 9" xfId="1322"/>
    <cellStyle name="Normal 2_FG02-2 MATRIZ POR MES" xfId="1323"/>
    <cellStyle name="Normal 20" xfId="1324"/>
    <cellStyle name="Normal 20 2" xfId="1325"/>
    <cellStyle name="Normal 21" xfId="1326"/>
    <cellStyle name="Normal 21 2" xfId="1327"/>
    <cellStyle name="Normal 22" xfId="1328"/>
    <cellStyle name="Normal 22 2" xfId="1329"/>
    <cellStyle name="Normal 23" xfId="1330"/>
    <cellStyle name="Normal 24" xfId="1331"/>
    <cellStyle name="Normal 25" xfId="1332"/>
    <cellStyle name="Normal 26" xfId="1333"/>
    <cellStyle name="Normal 27" xfId="1334"/>
    <cellStyle name="Normal 27 2" xfId="1335"/>
    <cellStyle name="Normal 28" xfId="1336"/>
    <cellStyle name="Normal 28 2" xfId="1337"/>
    <cellStyle name="Normal 29" xfId="1338"/>
    <cellStyle name="Normal 29 2" xfId="1339"/>
    <cellStyle name="Normal 3" xfId="1340"/>
    <cellStyle name="Normal 3 10" xfId="1341"/>
    <cellStyle name="Normal 3 11" xfId="1342"/>
    <cellStyle name="Normal 3 12" xfId="1343"/>
    <cellStyle name="Normal 3 13" xfId="1344"/>
    <cellStyle name="Normal 3 14" xfId="1345"/>
    <cellStyle name="Normal 3 15" xfId="1346"/>
    <cellStyle name="Normal 3 16" xfId="1347"/>
    <cellStyle name="Normal 3 17" xfId="1348"/>
    <cellStyle name="Normal 3 18" xfId="1349"/>
    <cellStyle name="Normal 3 19" xfId="1350"/>
    <cellStyle name="Normal 3 2" xfId="1351"/>
    <cellStyle name="Normal 3 2 2" xfId="1352"/>
    <cellStyle name="Normal 3 20" xfId="1353"/>
    <cellStyle name="Normal 3 21" xfId="1354"/>
    <cellStyle name="Normal 3 22" xfId="1355"/>
    <cellStyle name="Normal 3 23" xfId="1356"/>
    <cellStyle name="Normal 3 24" xfId="1357"/>
    <cellStyle name="Normal 3 25" xfId="1358"/>
    <cellStyle name="Normal 3 26" xfId="1359"/>
    <cellStyle name="Normal 3 27" xfId="1360"/>
    <cellStyle name="Normal 3 28" xfId="1361"/>
    <cellStyle name="Normal 3 29" xfId="1362"/>
    <cellStyle name="Normal 3 3" xfId="1363"/>
    <cellStyle name="Normal 3 30" xfId="1364"/>
    <cellStyle name="Normal 3 31" xfId="1365"/>
    <cellStyle name="Normal 3 32" xfId="1366"/>
    <cellStyle name="Normal 3 33" xfId="1367"/>
    <cellStyle name="Normal 3 34" xfId="1368"/>
    <cellStyle name="Normal 3 35" xfId="1369"/>
    <cellStyle name="Normal 3 36" xfId="1370"/>
    <cellStyle name="Normal 3 37" xfId="1371"/>
    <cellStyle name="Normal 3 38" xfId="1372"/>
    <cellStyle name="Normal 3 39" xfId="1373"/>
    <cellStyle name="Normal 3 4" xfId="1374"/>
    <cellStyle name="Normal 3 40" xfId="1375"/>
    <cellStyle name="Normal 3 41" xfId="1376"/>
    <cellStyle name="Normal 3 42" xfId="1377"/>
    <cellStyle name="Normal 3 43" xfId="1378"/>
    <cellStyle name="Normal 3 44" xfId="1379"/>
    <cellStyle name="Normal 3 45" xfId="1380"/>
    <cellStyle name="Normal 3 46" xfId="1381"/>
    <cellStyle name="Normal 3 47" xfId="1382"/>
    <cellStyle name="Normal 3 48" xfId="1383"/>
    <cellStyle name="Normal 3 49" xfId="1384"/>
    <cellStyle name="Normal 3 5" xfId="1385"/>
    <cellStyle name="Normal 3 50" xfId="1386"/>
    <cellStyle name="Normal 3 51" xfId="1387"/>
    <cellStyle name="Normal 3 52" xfId="1388"/>
    <cellStyle name="Normal 3 53" xfId="1389"/>
    <cellStyle name="Normal 3 54" xfId="1390"/>
    <cellStyle name="Normal 3 55" xfId="1391"/>
    <cellStyle name="Normal 3 56" xfId="1392"/>
    <cellStyle name="Normal 3 57" xfId="1393"/>
    <cellStyle name="Normal 3 58" xfId="1394"/>
    <cellStyle name="Normal 3 59" xfId="1395"/>
    <cellStyle name="Normal 3 6" xfId="1396"/>
    <cellStyle name="Normal 3 60" xfId="1397"/>
    <cellStyle name="Normal 3 61" xfId="1398"/>
    <cellStyle name="Normal 3 7" xfId="1399"/>
    <cellStyle name="Normal 3 8" xfId="1400"/>
    <cellStyle name="Normal 3 9" xfId="1401"/>
    <cellStyle name="Normal 30" xfId="1402"/>
    <cellStyle name="Normal 31" xfId="1403"/>
    <cellStyle name="Normal 31 2" xfId="1404"/>
    <cellStyle name="Normal 32" xfId="1405"/>
    <cellStyle name="Normal 32 2" xfId="1406"/>
    <cellStyle name="Normal 33" xfId="1407"/>
    <cellStyle name="Normal 34" xfId="1408"/>
    <cellStyle name="Normal 35" xfId="1409"/>
    <cellStyle name="Normal 35 2" xfId="1410"/>
    <cellStyle name="Normal 36" xfId="1411"/>
    <cellStyle name="Normal 36 2" xfId="1412"/>
    <cellStyle name="Normal 37" xfId="1413"/>
    <cellStyle name="Normal 37 2" xfId="1414"/>
    <cellStyle name="Normal 38" xfId="1415"/>
    <cellStyle name="Normal 38 2" xfId="1416"/>
    <cellStyle name="Normal 39" xfId="1417"/>
    <cellStyle name="Normal 39 2" xfId="1418"/>
    <cellStyle name="Normal 4" xfId="1419"/>
    <cellStyle name="Normal 4 10" xfId="1420"/>
    <cellStyle name="Normal 4 11" xfId="1421"/>
    <cellStyle name="Normal 4 12" xfId="1422"/>
    <cellStyle name="Normal 4 13" xfId="1423"/>
    <cellStyle name="Normal 4 14" xfId="1424"/>
    <cellStyle name="Normal 4 15" xfId="1425"/>
    <cellStyle name="Normal 4 16" xfId="1426"/>
    <cellStyle name="Normal 4 17" xfId="1427"/>
    <cellStyle name="Normal 4 18" xfId="1428"/>
    <cellStyle name="Normal 4 19" xfId="1429"/>
    <cellStyle name="Normal 4 2" xfId="1430"/>
    <cellStyle name="Normal 4 2 2" xfId="1431"/>
    <cellStyle name="Normal 4 2 2 2" xfId="1432"/>
    <cellStyle name="Normal 4 2 2 2 2" xfId="1433"/>
    <cellStyle name="Normal 4 2 2 2 2 2" xfId="1434"/>
    <cellStyle name="Normal 4 2 2 2 3" xfId="1435"/>
    <cellStyle name="Normal 4 2 2 3" xfId="1436"/>
    <cellStyle name="Normal 4 2 2 3 2" xfId="1437"/>
    <cellStyle name="Normal 4 2 2 4" xfId="1438"/>
    <cellStyle name="Normal 4 2 3" xfId="1439"/>
    <cellStyle name="Normal 4 2 3 2" xfId="1440"/>
    <cellStyle name="Normal 4 2 3 2 2" xfId="1441"/>
    <cellStyle name="Normal 4 2 3 3" xfId="1442"/>
    <cellStyle name="Normal 4 20" xfId="1443"/>
    <cellStyle name="Normal 4 21" xfId="1444"/>
    <cellStyle name="Normal 4 22" xfId="1445"/>
    <cellStyle name="Normal 4 23" xfId="1446"/>
    <cellStyle name="Normal 4 24" xfId="1447"/>
    <cellStyle name="Normal 4 25" xfId="1448"/>
    <cellStyle name="Normal 4 26" xfId="1449"/>
    <cellStyle name="Normal 4 27" xfId="1450"/>
    <cellStyle name="Normal 4 28" xfId="1451"/>
    <cellStyle name="Normal 4 29" xfId="1452"/>
    <cellStyle name="Normal 4 3" xfId="1453"/>
    <cellStyle name="Normal 4 30" xfId="1454"/>
    <cellStyle name="Normal 4 4" xfId="1455"/>
    <cellStyle name="Normal 4 5" xfId="1456"/>
    <cellStyle name="Normal 4 6" xfId="1457"/>
    <cellStyle name="Normal 4 7" xfId="1458"/>
    <cellStyle name="Normal 4 8" xfId="1459"/>
    <cellStyle name="Normal 4 9" xfId="1460"/>
    <cellStyle name="Normal 40" xfId="1461"/>
    <cellStyle name="Normal 40 2" xfId="1462"/>
    <cellStyle name="Normal 41" xfId="1463"/>
    <cellStyle name="Normal 41 2" xfId="1464"/>
    <cellStyle name="Normal 42" xfId="1465"/>
    <cellStyle name="Normal 43" xfId="1466"/>
    <cellStyle name="Normal 44" xfId="1467"/>
    <cellStyle name="Normal 45" xfId="1468"/>
    <cellStyle name="Normal 46" xfId="1469"/>
    <cellStyle name="Normal 47" xfId="1470"/>
    <cellStyle name="Normal 48" xfId="1471"/>
    <cellStyle name="Normal 49" xfId="1472"/>
    <cellStyle name="Normal 5" xfId="1473"/>
    <cellStyle name="Normal 5 10" xfId="1474"/>
    <cellStyle name="Normal 5 10 2" xfId="1475"/>
    <cellStyle name="Normal 5 10 2 2" xfId="1476"/>
    <cellStyle name="Normal 5 10 3" xfId="1477"/>
    <cellStyle name="Normal 5 11" xfId="1478"/>
    <cellStyle name="Normal 5 11 2" xfId="1479"/>
    <cellStyle name="Normal 5 11 2 2" xfId="1480"/>
    <cellStyle name="Normal 5 11 3" xfId="1481"/>
    <cellStyle name="Normal 5 12" xfId="1482"/>
    <cellStyle name="Normal 5 12 2" xfId="1483"/>
    <cellStyle name="Normal 5 12 2 2" xfId="1484"/>
    <cellStyle name="Normal 5 12 3" xfId="1485"/>
    <cellStyle name="Normal 5 13" xfId="1486"/>
    <cellStyle name="Normal 5 13 2" xfId="1487"/>
    <cellStyle name="Normal 5 13 2 2" xfId="1488"/>
    <cellStyle name="Normal 5 13 3" xfId="1489"/>
    <cellStyle name="Normal 5 14" xfId="1490"/>
    <cellStyle name="Normal 5 14 2" xfId="1491"/>
    <cellStyle name="Normal 5 14 2 2" xfId="1492"/>
    <cellStyle name="Normal 5 14 3" xfId="1493"/>
    <cellStyle name="Normal 5 15" xfId="1494"/>
    <cellStyle name="Normal 5 15 2" xfId="1495"/>
    <cellStyle name="Normal 5 15 2 2" xfId="1496"/>
    <cellStyle name="Normal 5 15 3" xfId="1497"/>
    <cellStyle name="Normal 5 16" xfId="1498"/>
    <cellStyle name="Normal 5 16 2" xfId="1499"/>
    <cellStyle name="Normal 5 16 2 2" xfId="1500"/>
    <cellStyle name="Normal 5 16 3" xfId="1501"/>
    <cellStyle name="Normal 5 17" xfId="1502"/>
    <cellStyle name="Normal 5 17 2" xfId="1503"/>
    <cellStyle name="Normal 5 17 2 2" xfId="1504"/>
    <cellStyle name="Normal 5 17 3" xfId="1505"/>
    <cellStyle name="Normal 5 18" xfId="1506"/>
    <cellStyle name="Normal 5 18 2" xfId="1507"/>
    <cellStyle name="Normal 5 18 2 2" xfId="1508"/>
    <cellStyle name="Normal 5 18 3" xfId="1509"/>
    <cellStyle name="Normal 5 19" xfId="1510"/>
    <cellStyle name="Normal 5 19 2" xfId="1511"/>
    <cellStyle name="Normal 5 19 2 2" xfId="1512"/>
    <cellStyle name="Normal 5 19 3" xfId="1513"/>
    <cellStyle name="Normal 5 2" xfId="1514"/>
    <cellStyle name="Normal 5 2 10" xfId="1515"/>
    <cellStyle name="Normal 5 2 11" xfId="1516"/>
    <cellStyle name="Normal 5 2 12" xfId="1517"/>
    <cellStyle name="Normal 5 2 13" xfId="1518"/>
    <cellStyle name="Normal 5 2 14" xfId="1519"/>
    <cellStyle name="Normal 5 2 15" xfId="1520"/>
    <cellStyle name="Normal 5 2 16" xfId="1521"/>
    <cellStyle name="Normal 5 2 17" xfId="1522"/>
    <cellStyle name="Normal 5 2 18" xfId="1523"/>
    <cellStyle name="Normal 5 2 19" xfId="1524"/>
    <cellStyle name="Normal 5 2 2" xfId="1525"/>
    <cellStyle name="Normal 5 2 20" xfId="1526"/>
    <cellStyle name="Normal 5 2 21" xfId="1527"/>
    <cellStyle name="Normal 5 2 22" xfId="1528"/>
    <cellStyle name="Normal 5 2 23" xfId="1529"/>
    <cellStyle name="Normal 5 2 24" xfId="1530"/>
    <cellStyle name="Normal 5 2 25" xfId="1531"/>
    <cellStyle name="Normal 5 2 26" xfId="1532"/>
    <cellStyle name="Normal 5 2 27" xfId="1533"/>
    <cellStyle name="Normal 5 2 28" xfId="1534"/>
    <cellStyle name="Normal 5 2 29" xfId="1535"/>
    <cellStyle name="Normal 5 2 3" xfId="1536"/>
    <cellStyle name="Normal 5 2 4" xfId="1537"/>
    <cellStyle name="Normal 5 2 5" xfId="1538"/>
    <cellStyle name="Normal 5 2 6" xfId="1539"/>
    <cellStyle name="Normal 5 2 7" xfId="1540"/>
    <cellStyle name="Normal 5 2 8" xfId="1541"/>
    <cellStyle name="Normal 5 2 9" xfId="1542"/>
    <cellStyle name="Normal 5 20" xfId="1543"/>
    <cellStyle name="Normal 5 20 2" xfId="1544"/>
    <cellStyle name="Normal 5 20 2 2" xfId="1545"/>
    <cellStyle name="Normal 5 20 3" xfId="1546"/>
    <cellStyle name="Normal 5 21" xfId="1547"/>
    <cellStyle name="Normal 5 21 2" xfId="1548"/>
    <cellStyle name="Normal 5 21 2 2" xfId="1549"/>
    <cellStyle name="Normal 5 21 3" xfId="1550"/>
    <cellStyle name="Normal 5 22" xfId="1551"/>
    <cellStyle name="Normal 5 22 2" xfId="1552"/>
    <cellStyle name="Normal 5 22 2 2" xfId="1553"/>
    <cellStyle name="Normal 5 22 3" xfId="1554"/>
    <cellStyle name="Normal 5 23" xfId="1555"/>
    <cellStyle name="Normal 5 23 2" xfId="1556"/>
    <cellStyle name="Normal 5 23 2 2" xfId="1557"/>
    <cellStyle name="Normal 5 23 3" xfId="1558"/>
    <cellStyle name="Normal 5 24" xfId="1559"/>
    <cellStyle name="Normal 5 24 2" xfId="1560"/>
    <cellStyle name="Normal 5 24 2 2" xfId="1561"/>
    <cellStyle name="Normal 5 24 3" xfId="1562"/>
    <cellStyle name="Normal 5 25" xfId="1563"/>
    <cellStyle name="Normal 5 25 2" xfId="1564"/>
    <cellStyle name="Normal 5 25 2 2" xfId="1565"/>
    <cellStyle name="Normal 5 25 3" xfId="1566"/>
    <cellStyle name="Normal 5 26" xfId="1567"/>
    <cellStyle name="Normal 5 26 2" xfId="1568"/>
    <cellStyle name="Normal 5 26 2 2" xfId="1569"/>
    <cellStyle name="Normal 5 26 3" xfId="1570"/>
    <cellStyle name="Normal 5 27" xfId="1571"/>
    <cellStyle name="Normal 5 27 2" xfId="1572"/>
    <cellStyle name="Normal 5 27 2 2" xfId="1573"/>
    <cellStyle name="Normal 5 27 3" xfId="1574"/>
    <cellStyle name="Normal 5 28" xfId="1575"/>
    <cellStyle name="Normal 5 28 2" xfId="1576"/>
    <cellStyle name="Normal 5 28 2 2" xfId="1577"/>
    <cellStyle name="Normal 5 28 3" xfId="1578"/>
    <cellStyle name="Normal 5 29" xfId="1579"/>
    <cellStyle name="Normal 5 29 2" xfId="1580"/>
    <cellStyle name="Normal 5 29 2 2" xfId="1581"/>
    <cellStyle name="Normal 5 29 3" xfId="1582"/>
    <cellStyle name="Normal 5 3" xfId="1583"/>
    <cellStyle name="Normal 5 3 2" xfId="1584"/>
    <cellStyle name="Normal 5 30" xfId="1585"/>
    <cellStyle name="Normal 5 30 2" xfId="1586"/>
    <cellStyle name="Normal 5 30 2 2" xfId="1587"/>
    <cellStyle name="Normal 5 30 3" xfId="1588"/>
    <cellStyle name="Normal 5 31" xfId="1589"/>
    <cellStyle name="Normal 5 31 2" xfId="1590"/>
    <cellStyle name="Normal 5 31 2 2" xfId="1591"/>
    <cellStyle name="Normal 5 31 3" xfId="1592"/>
    <cellStyle name="Normal 5 32" xfId="1593"/>
    <cellStyle name="Normal 5 32 2" xfId="1594"/>
    <cellStyle name="Normal 5 33" xfId="1595"/>
    <cellStyle name="Normal 5 4" xfId="1596"/>
    <cellStyle name="Normal 5 4 2" xfId="1597"/>
    <cellStyle name="Normal 5 4 2 2" xfId="1598"/>
    <cellStyle name="Normal 5 4 2 2 2" xfId="1599"/>
    <cellStyle name="Normal 5 4 2 2 2 2" xfId="1600"/>
    <cellStyle name="Normal 5 4 2 2 3" xfId="1601"/>
    <cellStyle name="Normal 5 4 2 3" xfId="1602"/>
    <cellStyle name="Normal 5 4 2 3 2" xfId="1603"/>
    <cellStyle name="Normal 5 4 2 4" xfId="1604"/>
    <cellStyle name="Normal 5 4 3" xfId="1605"/>
    <cellStyle name="Normal 5 4 3 2" xfId="1606"/>
    <cellStyle name="Normal 5 4 4" xfId="1607"/>
    <cellStyle name="Normal 5 5" xfId="1608"/>
    <cellStyle name="Normal 5 5 2" xfId="1609"/>
    <cellStyle name="Normal 5 5 2 2" xfId="1610"/>
    <cellStyle name="Normal 5 5 3" xfId="1611"/>
    <cellStyle name="Normal 5 6" xfId="1612"/>
    <cellStyle name="Normal 5 6 2" xfId="1613"/>
    <cellStyle name="Normal 5 6 2 2" xfId="1614"/>
    <cellStyle name="Normal 5 6 3" xfId="1615"/>
    <cellStyle name="Normal 5 7" xfId="1616"/>
    <cellStyle name="Normal 5 7 2" xfId="1617"/>
    <cellStyle name="Normal 5 7 2 2" xfId="1618"/>
    <cellStyle name="Normal 5 7 3" xfId="1619"/>
    <cellStyle name="Normal 5 8" xfId="1620"/>
    <cellStyle name="Normal 5 8 2" xfId="1621"/>
    <cellStyle name="Normal 5 8 2 2" xfId="1622"/>
    <cellStyle name="Normal 5 8 3" xfId="1623"/>
    <cellStyle name="Normal 5 9" xfId="1624"/>
    <cellStyle name="Normal 5 9 2" xfId="1625"/>
    <cellStyle name="Normal 5 9 2 2" xfId="1626"/>
    <cellStyle name="Normal 5 9 3" xfId="1627"/>
    <cellStyle name="Normal 5_02-003-00 - Administracion de Justicia Dpto. de Concepcion" xfId="1628"/>
    <cellStyle name="Normal 50" xfId="1629"/>
    <cellStyle name="Normal 51" xfId="1630"/>
    <cellStyle name="Normal 52" xfId="1631"/>
    <cellStyle name="Normal 6" xfId="1632"/>
    <cellStyle name="Normal 6 2" xfId="1633"/>
    <cellStyle name="Normal 6 3" xfId="1634"/>
    <cellStyle name="Normal 7" xfId="1635"/>
    <cellStyle name="Normal 7 2" xfId="1636"/>
    <cellStyle name="Normal 7 2 2" xfId="1637"/>
    <cellStyle name="Normal 8" xfId="1638"/>
    <cellStyle name="Normal 8 2" xfId="1639"/>
    <cellStyle name="Normal 8 3" xfId="1640"/>
    <cellStyle name="Normal 8 4" xfId="1641"/>
    <cellStyle name="Normal 8 4 2" xfId="1642"/>
    <cellStyle name="Normal 8 4 2 2" xfId="1643"/>
    <cellStyle name="Normal 8 4 3" xfId="1644"/>
    <cellStyle name="Normal 8 4 3 2" xfId="1645"/>
    <cellStyle name="Normal 8 4 4" xfId="1646"/>
    <cellStyle name="Normal 8 5" xfId="1647"/>
    <cellStyle name="Normal 8 5 2" xfId="1648"/>
    <cellStyle name="Normal 8 5 2 2" xfId="1649"/>
    <cellStyle name="Normal 8 5 2 2 2" xfId="1650"/>
    <cellStyle name="Normal 8 5 2 3" xfId="1651"/>
    <cellStyle name="Normal 8 5 3" xfId="1652"/>
    <cellStyle name="Normal 9" xfId="1653"/>
    <cellStyle name="Porcentaje" xfId="1654" builtinId="5"/>
    <cellStyle name="Porcentaje 10" xfId="1655"/>
    <cellStyle name="Porcentaje 10 2" xfId="1656"/>
    <cellStyle name="Porcentaje 11" xfId="1657"/>
    <cellStyle name="Porcentaje 11 2" xfId="1658"/>
    <cellStyle name="Porcentaje 12" xfId="1659"/>
    <cellStyle name="Porcentaje 12 2" xfId="1660"/>
    <cellStyle name="Porcentaje 13" xfId="1661"/>
    <cellStyle name="Porcentaje 13 2" xfId="1662"/>
    <cellStyle name="Porcentaje 14" xfId="1663"/>
    <cellStyle name="Porcentaje 14 2" xfId="1664"/>
    <cellStyle name="Porcentaje 15" xfId="1665"/>
    <cellStyle name="Porcentaje 15 2" xfId="1666"/>
    <cellStyle name="Porcentaje 16" xfId="1667"/>
    <cellStyle name="Porcentaje 17" xfId="1668"/>
    <cellStyle name="Porcentaje 18" xfId="1669"/>
    <cellStyle name="Porcentaje 19" xfId="1670"/>
    <cellStyle name="Porcentaje 2" xfId="1671"/>
    <cellStyle name="Porcentaje 2 2" xfId="1672"/>
    <cellStyle name="Porcentaje 2 2 2" xfId="1673"/>
    <cellStyle name="Porcentaje 2 3" xfId="1674"/>
    <cellStyle name="Porcentaje 3" xfId="1675"/>
    <cellStyle name="Porcentaje 4" xfId="1676"/>
    <cellStyle name="Porcentaje 5" xfId="1677"/>
    <cellStyle name="Porcentaje 5 2" xfId="1678"/>
    <cellStyle name="Porcentaje 5 2 2" xfId="1679"/>
    <cellStyle name="Porcentaje 5 3" xfId="1680"/>
    <cellStyle name="Porcentaje 6" xfId="1681"/>
    <cellStyle name="Porcentaje 7" xfId="1682"/>
    <cellStyle name="Porcentaje 7 2" xfId="1683"/>
    <cellStyle name="Porcentaje 8" xfId="1684"/>
    <cellStyle name="Porcentaje 8 2" xfId="1685"/>
    <cellStyle name="Porcentaje 9" xfId="1686"/>
    <cellStyle name="Porcentaje 9 2" xfId="1687"/>
    <cellStyle name="Porcentual 2" xfId="1688"/>
    <cellStyle name="Porcentual 2 10" xfId="1689"/>
    <cellStyle name="Porcentual 2 11" xfId="1690"/>
    <cellStyle name="Porcentual 2 12" xfId="1691"/>
    <cellStyle name="Porcentual 2 13" xfId="1692"/>
    <cellStyle name="Porcentual 2 14" xfId="1693"/>
    <cellStyle name="Porcentual 2 15" xfId="1694"/>
    <cellStyle name="Porcentual 2 16" xfId="1695"/>
    <cellStyle name="Porcentual 2 17" xfId="1696"/>
    <cellStyle name="Porcentual 2 18" xfId="1697"/>
    <cellStyle name="Porcentual 2 19" xfId="1698"/>
    <cellStyle name="Porcentual 2 2" xfId="1699"/>
    <cellStyle name="Porcentual 2 2 2" xfId="1700"/>
    <cellStyle name="Porcentual 2 2 3" xfId="1701"/>
    <cellStyle name="Porcentual 2 2 3 2" xfId="1702"/>
    <cellStyle name="Porcentual 2 2 4" xfId="1703"/>
    <cellStyle name="Porcentual 2 20" xfId="1704"/>
    <cellStyle name="Porcentual 2 21" xfId="1705"/>
    <cellStyle name="Porcentual 2 22" xfId="1706"/>
    <cellStyle name="Porcentual 2 23" xfId="1707"/>
    <cellStyle name="Porcentual 2 24" xfId="1708"/>
    <cellStyle name="Porcentual 2 25" xfId="1709"/>
    <cellStyle name="Porcentual 2 26" xfId="1710"/>
    <cellStyle name="Porcentual 2 27" xfId="1711"/>
    <cellStyle name="Porcentual 2 28" xfId="1712"/>
    <cellStyle name="Porcentual 2 29" xfId="1713"/>
    <cellStyle name="Porcentual 2 3" xfId="1714"/>
    <cellStyle name="Porcentual 2 4" xfId="1715"/>
    <cellStyle name="Porcentual 2 5" xfId="1716"/>
    <cellStyle name="Porcentual 2 6" xfId="1717"/>
    <cellStyle name="Porcentual 2 7" xfId="1718"/>
    <cellStyle name="Porcentual 2 8" xfId="1719"/>
    <cellStyle name="Porcentual 2 9" xfId="1720"/>
    <cellStyle name="Porcentual 3" xfId="1721"/>
    <cellStyle name="Porcentual 3 10" xfId="1722"/>
    <cellStyle name="Porcentual 3 11" xfId="1723"/>
    <cellStyle name="Porcentual 3 12" xfId="1724"/>
    <cellStyle name="Porcentual 3 13" xfId="1725"/>
    <cellStyle name="Porcentual 3 14" xfId="1726"/>
    <cellStyle name="Porcentual 3 15" xfId="1727"/>
    <cellStyle name="Porcentual 3 16" xfId="1728"/>
    <cellStyle name="Porcentual 3 17" xfId="1729"/>
    <cellStyle name="Porcentual 3 18" xfId="1730"/>
    <cellStyle name="Porcentual 3 19" xfId="1731"/>
    <cellStyle name="Porcentual 3 2" xfId="1732"/>
    <cellStyle name="Porcentual 3 20" xfId="1733"/>
    <cellStyle name="Porcentual 3 21" xfId="1734"/>
    <cellStyle name="Porcentual 3 22" xfId="1735"/>
    <cellStyle name="Porcentual 3 23" xfId="1736"/>
    <cellStyle name="Porcentual 3 24" xfId="1737"/>
    <cellStyle name="Porcentual 3 25" xfId="1738"/>
    <cellStyle name="Porcentual 3 26" xfId="1739"/>
    <cellStyle name="Porcentual 3 27" xfId="1740"/>
    <cellStyle name="Porcentual 3 28" xfId="1741"/>
    <cellStyle name="Porcentual 3 29" xfId="1742"/>
    <cellStyle name="Porcentual 3 3" xfId="1743"/>
    <cellStyle name="Porcentual 3 30" xfId="1744"/>
    <cellStyle name="Porcentual 3 31" xfId="1745"/>
    <cellStyle name="Porcentual 3 32" xfId="1746"/>
    <cellStyle name="Porcentual 3 33" xfId="1747"/>
    <cellStyle name="Porcentual 3 34" xfId="1748"/>
    <cellStyle name="Porcentual 3 35" xfId="1749"/>
    <cellStyle name="Porcentual 3 36" xfId="1750"/>
    <cellStyle name="Porcentual 3 37" xfId="1751"/>
    <cellStyle name="Porcentual 3 38" xfId="1752"/>
    <cellStyle name="Porcentual 3 4" xfId="1753"/>
    <cellStyle name="Porcentual 3 5" xfId="1754"/>
    <cellStyle name="Porcentual 3 6" xfId="1755"/>
    <cellStyle name="Porcentual 3 7" xfId="1756"/>
    <cellStyle name="Porcentual 3 8" xfId="1757"/>
    <cellStyle name="Porcentual 3 9" xfId="1758"/>
    <cellStyle name="Porcentual 4" xfId="1759"/>
    <cellStyle name="Porcentual 4 10" xfId="1760"/>
    <cellStyle name="Porcentual 4 11" xfId="1761"/>
    <cellStyle name="Porcentual 4 12" xfId="1762"/>
    <cellStyle name="Porcentual 4 13" xfId="1763"/>
    <cellStyle name="Porcentual 4 14" xfId="1764"/>
    <cellStyle name="Porcentual 4 15" xfId="1765"/>
    <cellStyle name="Porcentual 4 16" xfId="1766"/>
    <cellStyle name="Porcentual 4 17" xfId="1767"/>
    <cellStyle name="Porcentual 4 18" xfId="1768"/>
    <cellStyle name="Porcentual 4 19" xfId="1769"/>
    <cellStyle name="Porcentual 4 2" xfId="1770"/>
    <cellStyle name="Porcentual 4 2 2" xfId="1771"/>
    <cellStyle name="Porcentual 4 2 3" xfId="1772"/>
    <cellStyle name="Porcentual 4 20" xfId="1773"/>
    <cellStyle name="Porcentual 4 21" xfId="1774"/>
    <cellStyle name="Porcentual 4 22" xfId="1775"/>
    <cellStyle name="Porcentual 4 23" xfId="1776"/>
    <cellStyle name="Porcentual 4 24" xfId="1777"/>
    <cellStyle name="Porcentual 4 25" xfId="1778"/>
    <cellStyle name="Porcentual 4 26" xfId="1779"/>
    <cellStyle name="Porcentual 4 27" xfId="1780"/>
    <cellStyle name="Porcentual 4 28" xfId="1781"/>
    <cellStyle name="Porcentual 4 29" xfId="1782"/>
    <cellStyle name="Porcentual 4 3" xfId="1783"/>
    <cellStyle name="Porcentual 4 4" xfId="1784"/>
    <cellStyle name="Porcentual 4 5" xfId="1785"/>
    <cellStyle name="Porcentual 4 6" xfId="1786"/>
    <cellStyle name="Porcentual 4 7" xfId="1787"/>
    <cellStyle name="Porcentual 4 8" xfId="1788"/>
    <cellStyle name="Porcentual 4 9" xfId="1789"/>
    <cellStyle name="Porcentual 5" xfId="1790"/>
    <cellStyle name="Porcentual 5 2" xfId="1791"/>
    <cellStyle name="Porcentual 5 3" xfId="1792"/>
    <cellStyle name="Porcentual 5 4" xfId="1793"/>
    <cellStyle name="Porcentual 5 5" xfId="1794"/>
    <cellStyle name="Porcentual 6" xfId="1795"/>
    <cellStyle name="Porcentual 6 2" xfId="1796"/>
    <cellStyle name="Porcentual 7" xfId="1797"/>
    <cellStyle name="Porcentual 7 2" xfId="1798"/>
    <cellStyle name="Porcentual 7 3" xfId="1799"/>
    <cellStyle name="Porcentual 7 3 2" xfId="1800"/>
    <cellStyle name="Porcentual 7 4" xfId="1801"/>
    <cellStyle name="Porcentual 8" xfId="1802"/>
    <cellStyle name="Porcentual 8 2" xfId="1803"/>
    <cellStyle name="Porcentual 9" xfId="1804"/>
    <cellStyle name="Porcentual 9 2" xfId="1805"/>
  </cellStyles>
  <dxfs count="79"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b/>
        <i val="0"/>
        <color rgb="FF00B050"/>
      </font>
    </dxf>
    <dxf>
      <font>
        <color rgb="FF9C0006"/>
      </font>
    </dxf>
    <dxf>
      <font>
        <b/>
        <i val="0"/>
        <color rgb="FF00B050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8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8</c:f>
              <c:strCache>
                <c:ptCount val="1"/>
                <c:pt idx="0">
                  <c:v>EJECUTADO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9:$P$11</c:f>
              <c:numCache>
                <c:formatCode>0%</c:formatCode>
                <c:ptCount val="3"/>
                <c:pt idx="0">
                  <c:v>0.25620608413550405</c:v>
                </c:pt>
                <c:pt idx="1">
                  <c:v>0.28364840220782089</c:v>
                </c:pt>
                <c:pt idx="2">
                  <c:v>0.815068786380913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8</c:f>
              <c:strCache>
                <c:ptCount val="1"/>
                <c:pt idx="0">
                  <c:v>SALDO PRESUPUESTARIO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9:$O$11</c:f>
              <c:numCache>
                <c:formatCode>0%</c:formatCode>
                <c:ptCount val="3"/>
                <c:pt idx="0">
                  <c:v>0.74379391586449595</c:v>
                </c:pt>
                <c:pt idx="1">
                  <c:v>0.71635159779217916</c:v>
                </c:pt>
                <c:pt idx="2">
                  <c:v>0.184931213619086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layout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6</c:f>
              <c:strCache>
                <c:ptCount val="1"/>
                <c:pt idx="0">
                  <c:v>EJECUTADO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-9.4568646208943504E-3"/>
                  <c:y val="0.24458427194661336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4.3619005568229202E-2"/>
                  <c:y val="-6.1039150759641607E-2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7:$N$19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7:$P$19</c:f>
              <c:numCache>
                <c:formatCode>0%</c:formatCode>
                <c:ptCount val="3"/>
                <c:pt idx="0">
                  <c:v>0.72943574931741806</c:v>
                </c:pt>
                <c:pt idx="1">
                  <c:v>0</c:v>
                </c:pt>
                <c:pt idx="2">
                  <c:v>0.270564250682581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2</c:f>
              <c:strCache>
                <c:ptCount val="1"/>
                <c:pt idx="0">
                  <c:v>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3:$R$29</c:f>
              <c:numCache>
                <c:formatCode>0%</c:formatCode>
                <c:ptCount val="7"/>
                <c:pt idx="0">
                  <c:v>0.28633411521508639</c:v>
                </c:pt>
                <c:pt idx="1">
                  <c:v>0.28889300619856179</c:v>
                </c:pt>
                <c:pt idx="2">
                  <c:v>0.19093622305526101</c:v>
                </c:pt>
                <c:pt idx="3">
                  <c:v>0.13846269400700353</c:v>
                </c:pt>
                <c:pt idx="4">
                  <c:v>0.81506878638091318</c:v>
                </c:pt>
                <c:pt idx="5">
                  <c:v>0.33121340284408757</c:v>
                </c:pt>
                <c:pt idx="6">
                  <c:v>0.418498094183792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2</c:f>
              <c:strCache>
                <c:ptCount val="1"/>
                <c:pt idx="0">
                  <c:v>SALDO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3:$S$29</c:f>
              <c:numCache>
                <c:formatCode>0%</c:formatCode>
                <c:ptCount val="7"/>
                <c:pt idx="0">
                  <c:v>0.71366588478491355</c:v>
                </c:pt>
                <c:pt idx="1">
                  <c:v>0.71110699380143816</c:v>
                </c:pt>
                <c:pt idx="2">
                  <c:v>0.80906377694473908</c:v>
                </c:pt>
                <c:pt idx="3">
                  <c:v>0.8615373059929966</c:v>
                </c:pt>
                <c:pt idx="4">
                  <c:v>0.18493121361908682</c:v>
                </c:pt>
                <c:pt idx="5">
                  <c:v>0.66878659715591249</c:v>
                </c:pt>
                <c:pt idx="6">
                  <c:v>0.581501905816207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image" Target="../media/image3.jpeg"/><Relationship Id="rId4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60804</xdr:colOff>
      <xdr:row>8</xdr:row>
      <xdr:rowOff>49306</xdr:rowOff>
    </xdr:from>
    <xdr:to>
      <xdr:col>11</xdr:col>
      <xdr:colOff>703729</xdr:colOff>
      <xdr:row>15</xdr:row>
      <xdr:rowOff>306481</xdr:rowOff>
    </xdr:to>
    <xdr:graphicFrame macro="">
      <xdr:nvGraphicFramePr>
        <xdr:cNvPr id="29793340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196663</xdr:colOff>
      <xdr:row>17</xdr:row>
      <xdr:rowOff>63873</xdr:rowOff>
    </xdr:from>
    <xdr:to>
      <xdr:col>11</xdr:col>
      <xdr:colOff>720538</xdr:colOff>
      <xdr:row>21</xdr:row>
      <xdr:rowOff>44823</xdr:rowOff>
    </xdr:to>
    <xdr:graphicFrame macro="">
      <xdr:nvGraphicFramePr>
        <xdr:cNvPr id="29793341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</xdr:col>
      <xdr:colOff>185458</xdr:colOff>
      <xdr:row>21</xdr:row>
      <xdr:rowOff>131108</xdr:rowOff>
    </xdr:from>
    <xdr:to>
      <xdr:col>11</xdr:col>
      <xdr:colOff>709333</xdr:colOff>
      <xdr:row>30</xdr:row>
      <xdr:rowOff>216833</xdr:rowOff>
    </xdr:to>
    <xdr:graphicFrame macro="">
      <xdr:nvGraphicFramePr>
        <xdr:cNvPr id="29793344" name="7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0</xdr:col>
      <xdr:colOff>412843</xdr:colOff>
      <xdr:row>0</xdr:row>
      <xdr:rowOff>1</xdr:rowOff>
    </xdr:from>
    <xdr:to>
      <xdr:col>12</xdr:col>
      <xdr:colOff>17368</xdr:colOff>
      <xdr:row>3</xdr:row>
      <xdr:rowOff>145678</xdr:rowOff>
    </xdr:to>
    <xdr:pic>
      <xdr:nvPicPr>
        <xdr:cNvPr id="9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798019" y="1"/>
          <a:ext cx="1128525" cy="8068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6</xdr:colOff>
      <xdr:row>0</xdr:row>
      <xdr:rowOff>146798</xdr:rowOff>
    </xdr:from>
    <xdr:to>
      <xdr:col>0</xdr:col>
      <xdr:colOff>1199030</xdr:colOff>
      <xdr:row>3</xdr:row>
      <xdr:rowOff>26485</xdr:rowOff>
    </xdr:to>
    <xdr:pic>
      <xdr:nvPicPr>
        <xdr:cNvPr id="10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6" y="146798"/>
          <a:ext cx="1151404" cy="54083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8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9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7048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612913</xdr:colOff>
      <xdr:row>0</xdr:row>
      <xdr:rowOff>57978</xdr:rowOff>
    </xdr:from>
    <xdr:to>
      <xdr:col>8</xdr:col>
      <xdr:colOff>0</xdr:colOff>
      <xdr:row>4</xdr:row>
      <xdr:rowOff>10583</xdr:rowOff>
    </xdr:to>
    <xdr:pic>
      <xdr:nvPicPr>
        <xdr:cNvPr id="2" name="Imagen 19" descr="COMPROMISO SIN FONDO">
          <a:extLst>
            <a:ext uri="{FF2B5EF4-FFF2-40B4-BE49-F238E27FC236}">
              <a16:creationId xmlns:a16="http://schemas.microsoft.com/office/drawing/2014/main" id="{00000000-0008-0000-0700-00000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995163" y="57978"/>
          <a:ext cx="1273037" cy="67650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15044</xdr:colOff>
      <xdr:row>0</xdr:row>
      <xdr:rowOff>16566</xdr:rowOff>
    </xdr:from>
    <xdr:to>
      <xdr:col>1</xdr:col>
      <xdr:colOff>737152</xdr:colOff>
      <xdr:row>3</xdr:row>
      <xdr:rowOff>5741</xdr:rowOff>
    </xdr:to>
    <xdr:pic>
      <xdr:nvPicPr>
        <xdr:cNvPr id="3" name="Imagen 20" descr="CSJ">
          <a:extLst>
            <a:ext uri="{FF2B5EF4-FFF2-40B4-BE49-F238E27FC236}">
              <a16:creationId xmlns:a16="http://schemas.microsoft.com/office/drawing/2014/main" id="{00000000-0008-0000-07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5044" y="16566"/>
          <a:ext cx="1417433" cy="5416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70224</xdr:colOff>
      <xdr:row>0</xdr:row>
      <xdr:rowOff>40584</xdr:rowOff>
    </xdr:from>
    <xdr:to>
      <xdr:col>8</xdr:col>
      <xdr:colOff>1214230</xdr:colOff>
      <xdr:row>3</xdr:row>
      <xdr:rowOff>82826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098876" y="40584"/>
          <a:ext cx="1261550" cy="6551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22777</xdr:colOff>
      <xdr:row>0</xdr:row>
      <xdr:rowOff>98562</xdr:rowOff>
    </xdr:from>
    <xdr:to>
      <xdr:col>1</xdr:col>
      <xdr:colOff>109694</xdr:colOff>
      <xdr:row>2</xdr:row>
      <xdr:rowOff>173934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777" y="98562"/>
          <a:ext cx="1362439" cy="5060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esupuestots4\Users\td_ocampos\Desktop\DPTO.%20PRESUPUESTO\009%20-%20PRESUPUESTO%202026\00%20-%20Ejecuci&#243;n%20Presupuestaria%20Mensual\04%20ABRIL\00-%20Ejecuci&#243;n%20Presupuestaria%20al%2031-04-20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 t="str">
            <v/>
          </cell>
          <cell r="C13" t="str">
            <v/>
          </cell>
          <cell r="D13">
            <v>4</v>
          </cell>
          <cell r="E13" t="str">
            <v/>
          </cell>
          <cell r="F13">
            <v>6</v>
          </cell>
          <cell r="H13" t="str">
            <v/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 t="str">
            <v/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 t="str">
            <v/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 t="str">
            <v/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 t="str">
            <v/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 t="str">
            <v/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 t="str">
            <v/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 t="str">
            <v/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 t="str">
            <v/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 t="str">
            <v/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 t="str">
            <v/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 t="str">
            <v/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 t="str">
            <v/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 t="str">
            <v/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 t="str">
            <v/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 t="str">
            <v/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 t="str">
            <v/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 t="str">
            <v/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 t="str">
            <v/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 t="str">
            <v/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 t="str">
            <v/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 t="str">
            <v/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 t="str">
            <v/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 t="str">
            <v/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 t="str">
            <v/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 t="str">
            <v/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 t="str">
            <v/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 t="str">
            <v/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 t="str">
            <v/>
          </cell>
          <cell r="D366" t="str">
            <v>1312734</v>
          </cell>
          <cell r="E366" t="str">
            <v/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 t="str">
            <v/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 t="str">
            <v/>
          </cell>
          <cell r="D371" t="str">
            <v>1312734</v>
          </cell>
          <cell r="E371" t="str">
            <v/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 t="str">
            <v/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 t="str">
            <v/>
          </cell>
        </row>
        <row r="419">
          <cell r="A419">
            <v>309</v>
          </cell>
          <cell r="B419" t="str">
            <v>TOTAL ANUAL</v>
          </cell>
          <cell r="E419" t="str">
            <v/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gresos"/>
      <sheetName val="Por T.P."/>
      <sheetName val="Por G.G."/>
      <sheetName val="Por G.G. y F.F."/>
      <sheetName val="Por Prog-Act (100-900)"/>
      <sheetName val="Por Prog-Act (200-900)"/>
      <sheetName val="Por O.G."/>
      <sheetName val="Por O.G. 100"/>
      <sheetName val="Por F.F O.y P."/>
      <sheetName val="Ejecucion del Plan Financiero "/>
      <sheetName val="MODIF. FINANC. P.F."/>
      <sheetName val="Transf. de Crédito"/>
      <sheetName val="Programas de Inversion"/>
    </sheetNames>
    <sheetDataSet>
      <sheetData sheetId="0"/>
      <sheetData sheetId="1"/>
      <sheetData sheetId="2">
        <row r="17">
          <cell r="B17">
            <v>1916652520343</v>
          </cell>
          <cell r="C17">
            <v>0</v>
          </cell>
          <cell r="D17">
            <v>1916652520343</v>
          </cell>
          <cell r="E17">
            <v>523459319107</v>
          </cell>
          <cell r="F17">
            <v>1393193201236</v>
          </cell>
          <cell r="G17">
            <v>0.27311122571832835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HC48"/>
  <sheetViews>
    <sheetView showGridLines="0" tabSelected="1" view="pageBreakPreview" topLeftCell="A38" zoomScale="130" zoomScaleNormal="85" zoomScaleSheetLayoutView="130" workbookViewId="0">
      <selection activeCell="A51" sqref="A51"/>
    </sheetView>
  </sheetViews>
  <sheetFormatPr baseColWidth="10" defaultRowHeight="16.5" x14ac:dyDescent="0.3"/>
  <cols>
    <col min="1" max="1" width="40.140625" style="74" customWidth="1"/>
    <col min="2" max="2" width="18.42578125" style="66" customWidth="1"/>
    <col min="3" max="3" width="19.7109375" style="66" customWidth="1"/>
    <col min="4" max="4" width="22.28515625" style="66" customWidth="1"/>
    <col min="5" max="5" width="17" style="66" customWidth="1"/>
    <col min="6" max="6" width="7.7109375" style="66" customWidth="1"/>
    <col min="7" max="7" width="20.5703125" style="66" customWidth="1"/>
    <col min="8" max="8" width="23" style="66" customWidth="1"/>
    <col min="9" max="16384" width="11.42578125" style="66"/>
  </cols>
  <sheetData>
    <row r="1" spans="1:211" s="134" customFormat="1" ht="12.75" x14ac:dyDescent="0.2">
      <c r="J1" s="163"/>
    </row>
    <row r="2" spans="1:211" s="134" customFormat="1" ht="12.75" x14ac:dyDescent="0.2">
      <c r="J2" s="163"/>
    </row>
    <row r="3" spans="1:211" s="134" customFormat="1" ht="18" customHeight="1" x14ac:dyDescent="0.2">
      <c r="J3" s="163"/>
    </row>
    <row r="4" spans="1:211" s="134" customFormat="1" ht="13.5" customHeight="1" x14ac:dyDescent="0.2">
      <c r="A4" s="135" t="s">
        <v>70</v>
      </c>
      <c r="B4" s="136"/>
      <c r="C4" s="136"/>
      <c r="D4" s="136"/>
      <c r="E4" s="136"/>
      <c r="J4" s="163"/>
    </row>
    <row r="5" spans="1:211" s="121" customFormat="1" ht="16.5" customHeight="1" x14ac:dyDescent="0.25">
      <c r="A5" s="222" t="s">
        <v>235</v>
      </c>
      <c r="B5" s="222"/>
      <c r="C5" s="222"/>
      <c r="D5" s="222"/>
      <c r="E5" s="222"/>
      <c r="F5" s="134"/>
      <c r="G5" s="134"/>
      <c r="H5" s="134"/>
      <c r="I5" s="134"/>
      <c r="J5" s="164"/>
    </row>
    <row r="6" spans="1:211" s="121" customFormat="1" ht="15.75" customHeight="1" x14ac:dyDescent="0.2">
      <c r="A6" s="223" t="s">
        <v>251</v>
      </c>
      <c r="B6" s="223"/>
      <c r="C6" s="223"/>
      <c r="D6" s="223"/>
      <c r="E6" s="223"/>
      <c r="F6" s="134"/>
      <c r="G6" s="134"/>
      <c r="H6" s="134"/>
      <c r="I6" s="134"/>
      <c r="J6" s="164"/>
    </row>
    <row r="7" spans="1:211" s="67" customFormat="1" ht="24" customHeight="1" thickBot="1" x14ac:dyDescent="0.35">
      <c r="A7" s="227" t="s">
        <v>187</v>
      </c>
      <c r="B7" s="227"/>
      <c r="C7" s="227"/>
      <c r="D7" s="227"/>
      <c r="E7" s="227"/>
      <c r="F7" s="68"/>
      <c r="G7" s="68"/>
      <c r="H7" s="68"/>
      <c r="I7" s="68"/>
      <c r="J7" s="68"/>
      <c r="K7" s="69"/>
      <c r="L7" s="69"/>
      <c r="M7" s="69"/>
      <c r="N7" s="69"/>
      <c r="O7" s="69"/>
      <c r="P7" s="69"/>
      <c r="Q7" s="69"/>
      <c r="R7" s="69"/>
      <c r="S7" s="69"/>
      <c r="T7" s="69"/>
      <c r="U7" s="69"/>
      <c r="V7" s="69"/>
      <c r="W7" s="69"/>
      <c r="X7" s="69"/>
      <c r="Y7" s="69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/>
      <c r="AS7" s="69"/>
      <c r="AT7" s="69"/>
      <c r="AU7" s="69"/>
      <c r="AV7" s="69"/>
      <c r="AW7" s="69"/>
      <c r="AX7" s="69"/>
      <c r="AY7" s="69"/>
      <c r="AZ7" s="69"/>
      <c r="BA7" s="69"/>
      <c r="BB7" s="69"/>
      <c r="BC7" s="69"/>
      <c r="BD7" s="69"/>
      <c r="BE7" s="69"/>
      <c r="BF7" s="69"/>
      <c r="BG7" s="69"/>
      <c r="BH7" s="69"/>
      <c r="BI7" s="69"/>
      <c r="BJ7" s="69"/>
      <c r="BK7" s="69"/>
      <c r="BL7" s="69"/>
      <c r="BM7" s="69"/>
      <c r="BN7" s="69"/>
      <c r="BO7" s="69"/>
      <c r="BP7" s="69"/>
      <c r="BQ7" s="69"/>
      <c r="BR7" s="69"/>
      <c r="BS7" s="69"/>
      <c r="BT7" s="69"/>
      <c r="BU7" s="69"/>
      <c r="BV7" s="69"/>
      <c r="BW7" s="69"/>
      <c r="BX7" s="69"/>
      <c r="BY7" s="69"/>
      <c r="BZ7" s="69"/>
      <c r="CA7" s="69"/>
      <c r="CB7" s="69"/>
      <c r="CC7" s="69"/>
      <c r="CD7" s="69"/>
      <c r="CE7" s="69"/>
      <c r="CF7" s="69"/>
      <c r="CG7" s="69"/>
      <c r="CH7" s="69"/>
      <c r="CI7" s="69"/>
      <c r="CJ7" s="69"/>
      <c r="CK7" s="69"/>
      <c r="CL7" s="69"/>
      <c r="CM7" s="69"/>
      <c r="CN7" s="69"/>
      <c r="CO7" s="69"/>
      <c r="CP7" s="69"/>
      <c r="CQ7" s="69"/>
      <c r="CR7" s="69"/>
      <c r="CS7" s="69"/>
      <c r="CT7" s="69"/>
      <c r="CU7" s="69"/>
      <c r="CV7" s="69"/>
      <c r="CW7" s="69"/>
      <c r="CX7" s="69"/>
      <c r="CY7" s="69"/>
      <c r="CZ7" s="69"/>
      <c r="DA7" s="69"/>
      <c r="DB7" s="69"/>
      <c r="DC7" s="69"/>
      <c r="DD7" s="69"/>
      <c r="DE7" s="69"/>
      <c r="DF7" s="69"/>
      <c r="DG7" s="69"/>
      <c r="DH7" s="69"/>
      <c r="DI7" s="69"/>
      <c r="DJ7" s="69"/>
      <c r="DK7" s="69"/>
      <c r="DL7" s="69"/>
      <c r="DM7" s="69"/>
      <c r="DN7" s="69"/>
      <c r="DO7" s="69"/>
      <c r="DP7" s="69"/>
      <c r="DQ7" s="69"/>
      <c r="DR7" s="69"/>
      <c r="DS7" s="69"/>
      <c r="DT7" s="69"/>
      <c r="DU7" s="69"/>
      <c r="DV7" s="69"/>
      <c r="DW7" s="69"/>
      <c r="DX7" s="69"/>
      <c r="DY7" s="69"/>
      <c r="DZ7" s="69"/>
      <c r="EA7" s="69"/>
      <c r="EB7" s="69"/>
      <c r="EC7" s="69"/>
      <c r="ED7" s="69"/>
      <c r="EE7" s="69"/>
      <c r="EF7" s="69"/>
      <c r="EG7" s="69"/>
      <c r="EH7" s="69"/>
      <c r="EI7" s="69"/>
      <c r="EJ7" s="69"/>
      <c r="EK7" s="69"/>
      <c r="EL7" s="69"/>
      <c r="EM7" s="69"/>
      <c r="EN7" s="69"/>
      <c r="EO7" s="69"/>
      <c r="EP7" s="69"/>
      <c r="EQ7" s="69"/>
      <c r="ER7" s="69"/>
      <c r="ES7" s="69"/>
      <c r="ET7" s="69"/>
      <c r="EU7" s="69"/>
      <c r="EV7" s="69"/>
      <c r="EW7" s="69"/>
      <c r="EX7" s="69"/>
      <c r="EY7" s="69"/>
      <c r="EZ7" s="69"/>
      <c r="FA7" s="69"/>
      <c r="FB7" s="69"/>
      <c r="FC7" s="69"/>
      <c r="FD7" s="69"/>
      <c r="FE7" s="69"/>
      <c r="FF7" s="69"/>
      <c r="FG7" s="69"/>
      <c r="FH7" s="69"/>
      <c r="FI7" s="69"/>
      <c r="FJ7" s="69"/>
      <c r="FK7" s="69"/>
      <c r="FL7" s="69"/>
      <c r="FM7" s="69"/>
      <c r="FN7" s="69"/>
      <c r="FO7" s="69"/>
      <c r="FP7" s="69"/>
      <c r="FQ7" s="69"/>
      <c r="FR7" s="69"/>
      <c r="FS7" s="69"/>
      <c r="FT7" s="69"/>
      <c r="FU7" s="69"/>
      <c r="FV7" s="69"/>
      <c r="FW7" s="69"/>
      <c r="FX7" s="69"/>
      <c r="FY7" s="69"/>
      <c r="FZ7" s="69"/>
      <c r="GA7" s="69"/>
      <c r="GB7" s="69"/>
      <c r="GC7" s="69"/>
      <c r="GD7" s="69"/>
      <c r="GE7" s="69"/>
      <c r="GF7" s="69"/>
      <c r="GG7" s="69"/>
      <c r="GH7" s="69"/>
      <c r="GI7" s="69"/>
      <c r="GJ7" s="69"/>
      <c r="GK7" s="69"/>
      <c r="GL7" s="69"/>
      <c r="GM7" s="69"/>
      <c r="GN7" s="69"/>
      <c r="GO7" s="69"/>
      <c r="GP7" s="69"/>
      <c r="GQ7" s="69"/>
      <c r="GR7" s="69"/>
      <c r="GS7" s="69"/>
      <c r="GT7" s="69"/>
      <c r="GU7" s="69"/>
      <c r="GV7" s="69"/>
      <c r="GW7" s="69"/>
      <c r="GX7" s="69"/>
      <c r="GY7" s="69"/>
      <c r="GZ7" s="69"/>
      <c r="HA7" s="69"/>
      <c r="HB7" s="69"/>
      <c r="HC7" s="69"/>
    </row>
    <row r="8" spans="1:211" s="65" customFormat="1" ht="33.75" thickBot="1" x14ac:dyDescent="0.35">
      <c r="A8" s="61" t="s">
        <v>0</v>
      </c>
      <c r="B8" s="152" t="s">
        <v>71</v>
      </c>
      <c r="C8" s="155" t="s">
        <v>3</v>
      </c>
      <c r="D8" s="133" t="s">
        <v>8</v>
      </c>
      <c r="E8" s="62" t="s">
        <v>86</v>
      </c>
    </row>
    <row r="9" spans="1:211" s="70" customFormat="1" ht="16.5" customHeight="1" x14ac:dyDescent="0.3">
      <c r="A9" s="63" t="s">
        <v>66</v>
      </c>
      <c r="B9" s="153"/>
      <c r="C9" s="154"/>
      <c r="D9" s="63" t="s">
        <v>80</v>
      </c>
      <c r="E9" s="63" t="s">
        <v>81</v>
      </c>
    </row>
    <row r="10" spans="1:211" s="70" customFormat="1" x14ac:dyDescent="0.3">
      <c r="A10" s="64" t="s">
        <v>16</v>
      </c>
      <c r="B10" s="64"/>
      <c r="C10" s="64"/>
      <c r="D10" s="64"/>
      <c r="E10" s="64"/>
    </row>
    <row r="11" spans="1:211" s="65" customFormat="1" x14ac:dyDescent="0.3">
      <c r="A11" s="60" t="s">
        <v>15</v>
      </c>
      <c r="B11" s="104">
        <v>51120443557</v>
      </c>
      <c r="C11" s="104">
        <v>136202366780</v>
      </c>
      <c r="D11" s="79">
        <f t="shared" ref="D11" si="0">+B11-C11</f>
        <v>-85081923223</v>
      </c>
      <c r="E11" s="103">
        <f t="shared" ref="E11" si="1">+C11/B11</f>
        <v>2.6643424294261546</v>
      </c>
    </row>
    <row r="12" spans="1:211" s="65" customFormat="1" x14ac:dyDescent="0.3">
      <c r="A12" s="60" t="s">
        <v>224</v>
      </c>
      <c r="B12" s="104">
        <v>264686675864</v>
      </c>
      <c r="C12" s="104">
        <v>41902773603</v>
      </c>
      <c r="D12" s="79">
        <f t="shared" ref="D12:D21" si="2">+B12-C12</f>
        <v>222783902261</v>
      </c>
      <c r="E12" s="103">
        <f t="shared" ref="E12:E20" si="3">+C12/B12</f>
        <v>0.15831085363938105</v>
      </c>
    </row>
    <row r="13" spans="1:211" s="65" customFormat="1" x14ac:dyDescent="0.3">
      <c r="A13" s="60" t="s">
        <v>225</v>
      </c>
      <c r="B13" s="104">
        <v>227006369048</v>
      </c>
      <c r="C13" s="104">
        <v>1357803839</v>
      </c>
      <c r="D13" s="79">
        <f t="shared" si="2"/>
        <v>225648565209</v>
      </c>
      <c r="E13" s="103">
        <f t="shared" si="3"/>
        <v>5.981346887729372E-3</v>
      </c>
    </row>
    <row r="14" spans="1:211" s="65" customFormat="1" x14ac:dyDescent="0.3">
      <c r="A14" s="60" t="s">
        <v>226</v>
      </c>
      <c r="B14" s="104">
        <v>1450578851</v>
      </c>
      <c r="C14" s="104">
        <v>64332905</v>
      </c>
      <c r="D14" s="79">
        <f t="shared" si="2"/>
        <v>1386245946</v>
      </c>
      <c r="E14" s="103">
        <f t="shared" si="3"/>
        <v>4.4349815906698342E-2</v>
      </c>
    </row>
    <row r="15" spans="1:211" s="65" customFormat="1" x14ac:dyDescent="0.3">
      <c r="A15" s="60" t="s">
        <v>185</v>
      </c>
      <c r="B15" s="104">
        <v>855325784</v>
      </c>
      <c r="C15" s="104">
        <v>231701156</v>
      </c>
      <c r="D15" s="79">
        <f t="shared" si="2"/>
        <v>623624628</v>
      </c>
      <c r="E15" s="103">
        <f t="shared" si="3"/>
        <v>0.27089228494484391</v>
      </c>
    </row>
    <row r="16" spans="1:211" s="65" customFormat="1" x14ac:dyDescent="0.3">
      <c r="A16" s="60" t="s">
        <v>186</v>
      </c>
      <c r="B16" s="104">
        <v>18000000000</v>
      </c>
      <c r="C16" s="104">
        <v>6674668278</v>
      </c>
      <c r="D16" s="79">
        <f t="shared" si="2"/>
        <v>11325331722</v>
      </c>
      <c r="E16" s="103">
        <f t="shared" si="3"/>
        <v>0.37081490433333331</v>
      </c>
    </row>
    <row r="17" spans="1:14" s="65" customFormat="1" x14ac:dyDescent="0.3">
      <c r="A17" s="60" t="s">
        <v>227</v>
      </c>
      <c r="B17" s="104">
        <v>156433784</v>
      </c>
      <c r="C17" s="104">
        <v>55186469</v>
      </c>
      <c r="D17" s="79">
        <f t="shared" si="2"/>
        <v>101247315</v>
      </c>
      <c r="E17" s="103">
        <f t="shared" si="3"/>
        <v>0.35277845736954111</v>
      </c>
    </row>
    <row r="18" spans="1:14" s="65" customFormat="1" x14ac:dyDescent="0.3">
      <c r="A18" s="60" t="s">
        <v>228</v>
      </c>
      <c r="B18" s="104">
        <v>10275875963</v>
      </c>
      <c r="C18" s="104">
        <v>3588168000</v>
      </c>
      <c r="D18" s="79">
        <f t="shared" si="2"/>
        <v>6687707963</v>
      </c>
      <c r="E18" s="103">
        <f t="shared" si="3"/>
        <v>0.34918366209555229</v>
      </c>
    </row>
    <row r="19" spans="1:14" s="65" customFormat="1" x14ac:dyDescent="0.3">
      <c r="A19" s="60" t="s">
        <v>229</v>
      </c>
      <c r="B19" s="104">
        <v>305623874</v>
      </c>
      <c r="C19" s="104">
        <v>207985425</v>
      </c>
      <c r="D19" s="79">
        <f t="shared" si="2"/>
        <v>97638449</v>
      </c>
      <c r="E19" s="103">
        <f t="shared" si="3"/>
        <v>0.680527415211025</v>
      </c>
    </row>
    <row r="20" spans="1:14" s="65" customFormat="1" x14ac:dyDescent="0.3">
      <c r="A20" s="60" t="s">
        <v>230</v>
      </c>
      <c r="B20" s="104">
        <v>629211379</v>
      </c>
      <c r="C20" s="104">
        <v>355879824</v>
      </c>
      <c r="D20" s="79">
        <f t="shared" si="2"/>
        <v>273331555</v>
      </c>
      <c r="E20" s="103">
        <f t="shared" si="3"/>
        <v>0.5655966116912835</v>
      </c>
    </row>
    <row r="21" spans="1:14" s="65" customFormat="1" ht="22.5" customHeight="1" x14ac:dyDescent="0.3">
      <c r="A21" s="60" t="s">
        <v>233</v>
      </c>
      <c r="B21" s="104">
        <v>0</v>
      </c>
      <c r="C21" s="104">
        <v>0</v>
      </c>
      <c r="D21" s="79">
        <f t="shared" si="2"/>
        <v>0</v>
      </c>
      <c r="E21" s="103">
        <v>0</v>
      </c>
    </row>
    <row r="22" spans="1:14" s="65" customFormat="1" x14ac:dyDescent="0.3">
      <c r="A22" s="157" t="s">
        <v>119</v>
      </c>
      <c r="B22" s="80">
        <f>SUM(B11:B21)</f>
        <v>574486538104</v>
      </c>
      <c r="C22" s="80">
        <f>SUM(C11:C21)</f>
        <v>190640866279</v>
      </c>
      <c r="D22" s="80">
        <f>SUM(D11:D21)</f>
        <v>383845671825</v>
      </c>
      <c r="E22" s="114">
        <f>+C22/B22</f>
        <v>0.33184566327381559</v>
      </c>
    </row>
    <row r="23" spans="1:14" s="65" customFormat="1" x14ac:dyDescent="0.3">
      <c r="A23" s="60" t="s">
        <v>231</v>
      </c>
      <c r="B23" s="104">
        <v>0</v>
      </c>
      <c r="C23" s="104">
        <v>164679790828</v>
      </c>
      <c r="D23" s="79">
        <f t="shared" ref="D23" si="4">+B23-C23</f>
        <v>-164679790828</v>
      </c>
      <c r="E23" s="103">
        <v>0</v>
      </c>
    </row>
    <row r="24" spans="1:14" s="65" customFormat="1" ht="23.1" customHeight="1" x14ac:dyDescent="0.3">
      <c r="A24" s="151" t="s">
        <v>4</v>
      </c>
      <c r="B24" s="76">
        <f>B22+B23</f>
        <v>574486538104</v>
      </c>
      <c r="C24" s="76">
        <f>C22+C23</f>
        <v>355320657107</v>
      </c>
      <c r="D24" s="75">
        <f>D22+D23</f>
        <v>219165880997</v>
      </c>
      <c r="E24" s="27">
        <f>+C24/B24</f>
        <v>0.61850127642621255</v>
      </c>
    </row>
    <row r="25" spans="1:14" customFormat="1" ht="15" customHeight="1" x14ac:dyDescent="0.2">
      <c r="A25" s="234" t="s">
        <v>246</v>
      </c>
      <c r="B25" s="234"/>
      <c r="C25" s="234"/>
      <c r="D25" s="234"/>
      <c r="E25" s="234"/>
      <c r="F25" s="234"/>
      <c r="G25" s="234"/>
      <c r="H25" s="191"/>
      <c r="M25" s="178" t="s">
        <v>234</v>
      </c>
      <c r="N25" s="179"/>
    </row>
    <row r="26" spans="1:14" s="71" customFormat="1" ht="15.75" hidden="1" customHeight="1" x14ac:dyDescent="0.2">
      <c r="A26" s="232"/>
      <c r="B26" s="232"/>
      <c r="C26" s="232"/>
      <c r="D26" s="232"/>
      <c r="E26" s="232"/>
      <c r="F26" s="232"/>
      <c r="G26" s="168"/>
    </row>
    <row r="27" spans="1:14" customFormat="1" ht="13.5" hidden="1" customHeight="1" x14ac:dyDescent="0.2">
      <c r="A27" s="233"/>
      <c r="B27" s="233"/>
      <c r="C27" s="233"/>
      <c r="D27" s="233"/>
      <c r="E27" s="233"/>
      <c r="F27" s="233"/>
      <c r="G27" s="233"/>
      <c r="H27" s="177"/>
      <c r="M27" s="178"/>
      <c r="N27" s="179"/>
    </row>
    <row r="28" spans="1:14" s="71" customFormat="1" hidden="1" x14ac:dyDescent="0.2">
      <c r="A28" s="169"/>
      <c r="B28" s="169"/>
      <c r="C28" s="169"/>
      <c r="D28" s="169"/>
      <c r="E28" s="169"/>
      <c r="F28" s="169"/>
      <c r="G28" s="168"/>
    </row>
    <row r="29" spans="1:14" s="72" customFormat="1" ht="15.95" customHeight="1" x14ac:dyDescent="0.3">
      <c r="A29" s="228" t="s">
        <v>87</v>
      </c>
      <c r="B29" s="228"/>
      <c r="C29" s="228"/>
      <c r="D29" s="228"/>
      <c r="E29" s="68"/>
      <c r="F29" s="156"/>
    </row>
    <row r="30" spans="1:14" s="72" customFormat="1" ht="33" x14ac:dyDescent="0.2">
      <c r="A30" s="107" t="s">
        <v>63</v>
      </c>
      <c r="B30" s="107" t="s">
        <v>1</v>
      </c>
      <c r="C30" s="107" t="s">
        <v>64</v>
      </c>
      <c r="D30" s="107" t="s">
        <v>120</v>
      </c>
      <c r="E30" s="107" t="s">
        <v>65</v>
      </c>
      <c r="F30" s="107" t="s">
        <v>7</v>
      </c>
    </row>
    <row r="31" spans="1:14" s="72" customFormat="1" ht="15.95" customHeight="1" x14ac:dyDescent="0.3">
      <c r="A31" s="108" t="s">
        <v>66</v>
      </c>
      <c r="B31" s="108" t="s">
        <v>67</v>
      </c>
      <c r="C31" s="108" t="s">
        <v>68</v>
      </c>
      <c r="D31" s="108" t="s">
        <v>69</v>
      </c>
      <c r="E31" s="108" t="s">
        <v>72</v>
      </c>
      <c r="F31" s="108" t="s">
        <v>82</v>
      </c>
    </row>
    <row r="32" spans="1:14" s="72" customFormat="1" ht="15.95" customHeight="1" x14ac:dyDescent="0.3">
      <c r="A32" s="111" t="s">
        <v>218</v>
      </c>
      <c r="B32" s="112">
        <v>44590816564</v>
      </c>
      <c r="C32" s="112">
        <v>28097970949</v>
      </c>
      <c r="D32" s="190">
        <v>44398208871</v>
      </c>
      <c r="E32" s="113">
        <f>+D32-C32</f>
        <v>16300237922</v>
      </c>
      <c r="F32" s="189">
        <f>+E32/C32</f>
        <v>0.58012153089581442</v>
      </c>
      <c r="G32" s="162"/>
      <c r="H32" s="159"/>
    </row>
    <row r="33" spans="1:8" s="132" customFormat="1" ht="15.95" customHeight="1" x14ac:dyDescent="0.3">
      <c r="A33" s="131" t="s">
        <v>247</v>
      </c>
      <c r="B33" s="112">
        <v>55346796120</v>
      </c>
      <c r="C33" s="112">
        <v>34671077316</v>
      </c>
      <c r="D33" s="190">
        <v>46467847793</v>
      </c>
      <c r="E33" s="113">
        <f t="shared" ref="E33:E43" si="5">+D33-C33</f>
        <v>11796770477</v>
      </c>
      <c r="F33" s="189">
        <f t="shared" ref="F33:F43" si="6">+E33/C33</f>
        <v>0.3402481662015166</v>
      </c>
      <c r="G33" s="162"/>
      <c r="H33" s="170"/>
    </row>
    <row r="34" spans="1:8" s="72" customFormat="1" ht="15.95" customHeight="1" x14ac:dyDescent="0.3">
      <c r="A34" s="111" t="s">
        <v>250</v>
      </c>
      <c r="B34" s="112">
        <v>57274199108</v>
      </c>
      <c r="C34" s="112">
        <v>40424185613</v>
      </c>
      <c r="D34" s="190">
        <v>52274480125</v>
      </c>
      <c r="E34" s="113">
        <f t="shared" si="5"/>
        <v>11850294512</v>
      </c>
      <c r="F34" s="189">
        <f t="shared" si="6"/>
        <v>0.29314862704838429</v>
      </c>
      <c r="G34" s="162"/>
    </row>
    <row r="35" spans="1:8" s="72" customFormat="1" ht="15.95" customHeight="1" x14ac:dyDescent="0.3">
      <c r="A35" s="131" t="s">
        <v>35</v>
      </c>
      <c r="B35" s="112">
        <v>55187040932</v>
      </c>
      <c r="C35" s="112">
        <v>46177292950</v>
      </c>
      <c r="D35" s="190">
        <v>44841657100</v>
      </c>
      <c r="E35" s="113">
        <f>+D35-C35</f>
        <v>-1335635850</v>
      </c>
      <c r="F35" s="189">
        <f t="shared" si="6"/>
        <v>-2.8924082913353195E-2</v>
      </c>
      <c r="G35" s="162"/>
    </row>
    <row r="36" spans="1:8" s="72" customFormat="1" ht="15.95" customHeight="1" x14ac:dyDescent="0.3">
      <c r="A36" s="111" t="s">
        <v>240</v>
      </c>
      <c r="B36" s="112">
        <v>55188016938</v>
      </c>
      <c r="C36" s="112">
        <v>51930400283</v>
      </c>
      <c r="D36" s="188">
        <v>0</v>
      </c>
      <c r="E36" s="113">
        <f t="shared" si="5"/>
        <v>-51930400283</v>
      </c>
      <c r="F36" s="189">
        <f t="shared" si="6"/>
        <v>-1</v>
      </c>
      <c r="G36" s="162"/>
    </row>
    <row r="37" spans="1:8" s="72" customFormat="1" ht="15.95" customHeight="1" x14ac:dyDescent="0.3">
      <c r="A37" s="131" t="s">
        <v>36</v>
      </c>
      <c r="B37" s="112">
        <v>51723133445</v>
      </c>
      <c r="C37" s="112">
        <v>57583507614</v>
      </c>
      <c r="D37" s="188">
        <v>0</v>
      </c>
      <c r="E37" s="113">
        <f t="shared" si="5"/>
        <v>-57583507614</v>
      </c>
      <c r="F37" s="189">
        <f t="shared" si="6"/>
        <v>-1</v>
      </c>
      <c r="G37" s="162"/>
      <c r="H37" s="162"/>
    </row>
    <row r="38" spans="1:8" s="72" customFormat="1" ht="15.95" customHeight="1" x14ac:dyDescent="0.3">
      <c r="A38" s="111" t="s">
        <v>37</v>
      </c>
      <c r="B38" s="112">
        <v>48549499327</v>
      </c>
      <c r="C38" s="112">
        <v>57583507612</v>
      </c>
      <c r="D38" s="188">
        <v>0</v>
      </c>
      <c r="E38" s="113">
        <f t="shared" si="5"/>
        <v>-57583507612</v>
      </c>
      <c r="F38" s="189">
        <f t="shared" si="6"/>
        <v>-1</v>
      </c>
      <c r="G38" s="162"/>
    </row>
    <row r="39" spans="1:8" s="72" customFormat="1" ht="15.95" customHeight="1" x14ac:dyDescent="0.3">
      <c r="A39" s="131" t="s">
        <v>38</v>
      </c>
      <c r="B39" s="112">
        <v>43128728516</v>
      </c>
      <c r="C39" s="112">
        <v>40524185619</v>
      </c>
      <c r="D39" s="188">
        <v>0</v>
      </c>
      <c r="E39" s="113">
        <f t="shared" si="5"/>
        <v>-40524185619</v>
      </c>
      <c r="F39" s="189">
        <f t="shared" si="6"/>
        <v>-1</v>
      </c>
      <c r="G39" s="162"/>
    </row>
    <row r="40" spans="1:8" s="72" customFormat="1" ht="15.95" customHeight="1" x14ac:dyDescent="0.3">
      <c r="A40" s="111" t="s">
        <v>239</v>
      </c>
      <c r="B40" s="112">
        <v>38707064782</v>
      </c>
      <c r="C40" s="112">
        <v>36678077215</v>
      </c>
      <c r="D40" s="188">
        <v>0</v>
      </c>
      <c r="E40" s="113">
        <f t="shared" si="5"/>
        <v>-36678077215</v>
      </c>
      <c r="F40" s="189">
        <f t="shared" si="6"/>
        <v>-1</v>
      </c>
      <c r="G40" s="162" t="s">
        <v>234</v>
      </c>
    </row>
    <row r="41" spans="1:8" s="72" customFormat="1" ht="15.95" customHeight="1" x14ac:dyDescent="0.3">
      <c r="A41" s="131" t="s">
        <v>39</v>
      </c>
      <c r="B41" s="112">
        <v>37574397328</v>
      </c>
      <c r="C41" s="112">
        <v>49831056317</v>
      </c>
      <c r="D41" s="188">
        <v>0</v>
      </c>
      <c r="E41" s="113">
        <f t="shared" si="5"/>
        <v>-49831056317</v>
      </c>
      <c r="F41" s="189">
        <f t="shared" si="6"/>
        <v>-1</v>
      </c>
      <c r="G41" s="162"/>
    </row>
    <row r="42" spans="1:8" s="72" customFormat="1" ht="15.95" customHeight="1" x14ac:dyDescent="0.3">
      <c r="A42" s="111" t="s">
        <v>40</v>
      </c>
      <c r="B42" s="112">
        <v>29850669319</v>
      </c>
      <c r="C42" s="112">
        <v>63336614947</v>
      </c>
      <c r="D42" s="188">
        <v>0</v>
      </c>
      <c r="E42" s="113">
        <f t="shared" si="5"/>
        <v>-63336614947</v>
      </c>
      <c r="F42" s="189">
        <f t="shared" si="6"/>
        <v>-1</v>
      </c>
      <c r="G42" s="162"/>
    </row>
    <row r="43" spans="1:8" s="72" customFormat="1" ht="15.95" customHeight="1" x14ac:dyDescent="0.3">
      <c r="A43" s="131" t="s">
        <v>41</v>
      </c>
      <c r="B43" s="112">
        <v>57366175725</v>
      </c>
      <c r="C43" s="112">
        <v>69089722376</v>
      </c>
      <c r="D43" s="188">
        <v>0</v>
      </c>
      <c r="E43" s="113">
        <f t="shared" si="5"/>
        <v>-69089722376</v>
      </c>
      <c r="F43" s="189">
        <f t="shared" si="6"/>
        <v>-1</v>
      </c>
      <c r="G43" s="162"/>
    </row>
    <row r="44" spans="1:8" s="73" customFormat="1" ht="17.25" customHeight="1" x14ac:dyDescent="0.3">
      <c r="A44" s="108" t="s">
        <v>9</v>
      </c>
      <c r="B44" s="109">
        <f>SUM(B32:B43)</f>
        <v>574486538104</v>
      </c>
      <c r="C44" s="109">
        <f>SUM(C32:C43)</f>
        <v>575927598811</v>
      </c>
      <c r="D44" s="109">
        <f>SUM(D32:D43)</f>
        <v>187982193889</v>
      </c>
      <c r="E44" s="110">
        <f>SUM(E32:E43)</f>
        <v>-387945404922</v>
      </c>
      <c r="F44" s="158">
        <f>+E44/C44</f>
        <v>-0.67360099728318557</v>
      </c>
      <c r="G44" s="162">
        <f>575927598811-C44</f>
        <v>0</v>
      </c>
    </row>
    <row r="45" spans="1:8" s="73" customFormat="1" ht="21.75" customHeight="1" x14ac:dyDescent="0.2">
      <c r="A45" s="161" t="s">
        <v>257</v>
      </c>
      <c r="B45" s="160"/>
      <c r="C45" s="160"/>
      <c r="D45" s="160"/>
      <c r="E45" s="160"/>
      <c r="F45" s="175"/>
    </row>
    <row r="46" spans="1:8" ht="53.25" customHeight="1" x14ac:dyDescent="0.3">
      <c r="A46" s="229" t="s">
        <v>255</v>
      </c>
      <c r="B46" s="230"/>
      <c r="C46" s="230"/>
      <c r="D46" s="230"/>
      <c r="E46" s="230"/>
      <c r="F46" s="231"/>
    </row>
    <row r="47" spans="1:8" ht="33.75" customHeight="1" x14ac:dyDescent="0.3">
      <c r="A47" s="229" t="s">
        <v>256</v>
      </c>
      <c r="B47" s="230"/>
      <c r="C47" s="230"/>
      <c r="D47" s="230"/>
      <c r="E47" s="230"/>
      <c r="F47" s="231"/>
    </row>
    <row r="48" spans="1:8" x14ac:dyDescent="0.3">
      <c r="A48" s="224" t="s">
        <v>254</v>
      </c>
      <c r="B48" s="225"/>
      <c r="C48" s="225"/>
      <c r="D48" s="225"/>
      <c r="E48" s="225"/>
      <c r="F48" s="226"/>
    </row>
  </sheetData>
  <mergeCells count="10">
    <mergeCell ref="A5:E5"/>
    <mergeCell ref="A6:E6"/>
    <mergeCell ref="A48:F48"/>
    <mergeCell ref="A7:E7"/>
    <mergeCell ref="A29:D29"/>
    <mergeCell ref="A47:F47"/>
    <mergeCell ref="A26:F26"/>
    <mergeCell ref="A27:G27"/>
    <mergeCell ref="A25:G25"/>
    <mergeCell ref="A46:F46"/>
  </mergeCells>
  <conditionalFormatting sqref="A16">
    <cfRule type="cellIs" dxfId="78" priority="64" stopIfTrue="1" operator="lessThan">
      <formula>0</formula>
    </cfRule>
  </conditionalFormatting>
  <conditionalFormatting sqref="D11">
    <cfRule type="cellIs" dxfId="77" priority="63" stopIfTrue="1" operator="lessThan">
      <formula>0</formula>
    </cfRule>
  </conditionalFormatting>
  <conditionalFormatting sqref="F32">
    <cfRule type="cellIs" dxfId="76" priority="42" stopIfTrue="1" operator="lessThan">
      <formula>0</formula>
    </cfRule>
    <cfRule type="cellIs" dxfId="75" priority="47" stopIfTrue="1" operator="lessThan">
      <formula>0</formula>
    </cfRule>
    <cfRule type="cellIs" dxfId="74" priority="62" stopIfTrue="1" operator="greaterThan">
      <formula>1</formula>
    </cfRule>
  </conditionalFormatting>
  <conditionalFormatting sqref="D11 D22 D24">
    <cfRule type="cellIs" dxfId="73" priority="39" stopIfTrue="1" operator="lessThan">
      <formula>0</formula>
    </cfRule>
  </conditionalFormatting>
  <conditionalFormatting sqref="A26 G26 G28 A28">
    <cfRule type="cellIs" dxfId="72" priority="33" stopIfTrue="1" operator="lessThan">
      <formula>0</formula>
    </cfRule>
  </conditionalFormatting>
  <conditionalFormatting sqref="I27:XFD27">
    <cfRule type="cellIs" dxfId="71" priority="32" stopIfTrue="1" operator="lessThan">
      <formula>0</formula>
    </cfRule>
  </conditionalFormatting>
  <conditionalFormatting sqref="A27">
    <cfRule type="cellIs" dxfId="70" priority="31" stopIfTrue="1" operator="lessThan">
      <formula>0</formula>
    </cfRule>
  </conditionalFormatting>
  <conditionalFormatting sqref="E1:G3 E4 F4:G6">
    <cfRule type="cellIs" dxfId="69" priority="30" operator="lessThan">
      <formula>0</formula>
    </cfRule>
  </conditionalFormatting>
  <conditionalFormatting sqref="J1:J6">
    <cfRule type="cellIs" dxfId="68" priority="26" operator="greaterThan">
      <formula>0.2</formula>
    </cfRule>
    <cfRule type="cellIs" dxfId="67" priority="27" operator="greaterThan">
      <formula>0.2</formula>
    </cfRule>
    <cfRule type="cellIs" dxfId="66" priority="28" operator="greaterThan">
      <formula>0.1</formula>
    </cfRule>
    <cfRule type="cellIs" dxfId="65" priority="29" operator="greaterThan">
      <formula>0.1</formula>
    </cfRule>
  </conditionalFormatting>
  <conditionalFormatting sqref="D12:D21">
    <cfRule type="cellIs" dxfId="64" priority="25" stopIfTrue="1" operator="lessThan">
      <formula>0</formula>
    </cfRule>
  </conditionalFormatting>
  <conditionalFormatting sqref="D12:D21">
    <cfRule type="cellIs" dxfId="63" priority="23" stopIfTrue="1" operator="lessThan">
      <formula>0</formula>
    </cfRule>
  </conditionalFormatting>
  <conditionalFormatting sqref="D23">
    <cfRule type="cellIs" dxfId="62" priority="21" stopIfTrue="1" operator="lessThan">
      <formula>0</formula>
    </cfRule>
  </conditionalFormatting>
  <conditionalFormatting sqref="D23">
    <cfRule type="cellIs" dxfId="61" priority="19" stopIfTrue="1" operator="lessThan">
      <formula>0</formula>
    </cfRule>
  </conditionalFormatting>
  <conditionalFormatting sqref="C23">
    <cfRule type="cellIs" dxfId="60" priority="18" stopIfTrue="1" operator="lessThan">
      <formula>0</formula>
    </cfRule>
  </conditionalFormatting>
  <conditionalFormatting sqref="B19:B20">
    <cfRule type="cellIs" dxfId="59" priority="14" stopIfTrue="1" operator="lessThan">
      <formula>0</formula>
    </cfRule>
  </conditionalFormatting>
  <conditionalFormatting sqref="B11:B18">
    <cfRule type="cellIs" dxfId="58" priority="13" stopIfTrue="1" operator="lessThan">
      <formula>0</formula>
    </cfRule>
  </conditionalFormatting>
  <conditionalFormatting sqref="B21">
    <cfRule type="cellIs" dxfId="57" priority="12" stopIfTrue="1" operator="lessThan">
      <formula>0</formula>
    </cfRule>
  </conditionalFormatting>
  <conditionalFormatting sqref="A25 I25:XFD25">
    <cfRule type="cellIs" dxfId="56" priority="7" stopIfTrue="1" operator="lessThan">
      <formula>0</formula>
    </cfRule>
  </conditionalFormatting>
  <conditionalFormatting sqref="F33:F43">
    <cfRule type="cellIs" dxfId="55" priority="4" stopIfTrue="1" operator="lessThan">
      <formula>0</formula>
    </cfRule>
    <cfRule type="cellIs" dxfId="54" priority="5" stopIfTrue="1" operator="lessThan">
      <formula>0</formula>
    </cfRule>
    <cfRule type="cellIs" dxfId="53" priority="6" stopIfTrue="1" operator="greaterThan">
      <formula>1</formula>
    </cfRule>
  </conditionalFormatting>
  <conditionalFormatting sqref="C11:C20">
    <cfRule type="cellIs" dxfId="52" priority="3" stopIfTrue="1" operator="lessThan">
      <formula>0</formula>
    </cfRule>
  </conditionalFormatting>
  <conditionalFormatting sqref="C21">
    <cfRule type="cellIs" dxfId="51" priority="2" stopIfTrue="1" operator="lessThan">
      <formula>0</formula>
    </cfRule>
  </conditionalFormatting>
  <conditionalFormatting sqref="B23">
    <cfRule type="cellIs" dxfId="50" priority="1" stopIfTrue="1" operator="lessThan">
      <formula>0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T65529"/>
  <sheetViews>
    <sheetView view="pageBreakPreview" topLeftCell="A13" zoomScale="85" zoomScaleNormal="85" zoomScaleSheetLayoutView="85" workbookViewId="0">
      <selection activeCell="A7" sqref="A7:I7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1" spans="1:16" s="134" customFormat="1" ht="16.5" customHeight="1" x14ac:dyDescent="0.2">
      <c r="J1" s="163"/>
    </row>
    <row r="2" spans="1:16" s="134" customFormat="1" ht="17.25" customHeight="1" x14ac:dyDescent="0.2">
      <c r="J2" s="163"/>
    </row>
    <row r="3" spans="1:16" s="134" customFormat="1" ht="18" customHeight="1" x14ac:dyDescent="0.2">
      <c r="J3" s="163"/>
    </row>
    <row r="4" spans="1:16" s="134" customFormat="1" ht="13.5" customHeight="1" x14ac:dyDescent="0.2">
      <c r="A4" s="135" t="s">
        <v>70</v>
      </c>
      <c r="B4" s="136"/>
      <c r="C4" s="136"/>
      <c r="D4" s="136"/>
      <c r="E4" s="136"/>
      <c r="F4" s="136"/>
      <c r="G4" s="136"/>
      <c r="H4" s="136"/>
      <c r="I4" s="136"/>
      <c r="J4" s="187"/>
      <c r="K4" s="136"/>
      <c r="L4" s="136"/>
    </row>
    <row r="5" spans="1:16" s="121" customFormat="1" ht="16.5" customHeight="1" x14ac:dyDescent="0.25">
      <c r="A5" s="235" t="s">
        <v>235</v>
      </c>
      <c r="B5" s="235"/>
      <c r="C5" s="235"/>
      <c r="D5" s="235"/>
      <c r="E5" s="235"/>
      <c r="F5" s="235"/>
      <c r="G5" s="235"/>
      <c r="H5" s="235"/>
      <c r="I5" s="235"/>
      <c r="J5" s="235"/>
      <c r="K5" s="235"/>
      <c r="L5" s="235"/>
    </row>
    <row r="6" spans="1:16" s="121" customFormat="1" ht="15.75" customHeight="1" thickBot="1" x14ac:dyDescent="0.25">
      <c r="A6" s="223" t="s">
        <v>251</v>
      </c>
      <c r="B6" s="223"/>
      <c r="C6" s="223"/>
      <c r="D6" s="223"/>
      <c r="E6" s="223"/>
      <c r="F6" s="223"/>
      <c r="G6" s="223"/>
      <c r="H6" s="223"/>
      <c r="I6" s="223"/>
      <c r="J6" s="223"/>
      <c r="K6" s="223"/>
      <c r="L6" s="223"/>
    </row>
    <row r="7" spans="1:16" s="13" customFormat="1" ht="18" customHeight="1" thickBot="1" x14ac:dyDescent="0.35">
      <c r="A7" s="237" t="s">
        <v>237</v>
      </c>
      <c r="B7" s="237"/>
      <c r="C7" s="237"/>
      <c r="D7" s="237"/>
      <c r="E7" s="237"/>
      <c r="F7" s="237"/>
      <c r="G7" s="237"/>
      <c r="H7" s="237"/>
      <c r="I7" s="237"/>
      <c r="J7" s="237"/>
      <c r="K7" s="237"/>
      <c r="L7" s="237"/>
      <c r="N7" s="19"/>
    </row>
    <row r="8" spans="1:16" s="13" customFormat="1" ht="21.75" customHeight="1" thickBot="1" x14ac:dyDescent="0.35">
      <c r="A8" s="236" t="s">
        <v>83</v>
      </c>
      <c r="B8" s="236"/>
      <c r="C8" s="236"/>
      <c r="D8" s="236"/>
      <c r="E8" s="236"/>
      <c r="F8" s="236"/>
      <c r="G8" s="236"/>
      <c r="H8" s="236"/>
      <c r="I8" s="236"/>
      <c r="J8" s="236"/>
      <c r="K8" s="236"/>
      <c r="L8" s="236"/>
      <c r="N8" s="99" t="s">
        <v>0</v>
      </c>
      <c r="O8" s="99" t="s">
        <v>8</v>
      </c>
      <c r="P8" s="99" t="s">
        <v>2</v>
      </c>
    </row>
    <row r="9" spans="1:16" s="3" customFormat="1" ht="34.5" customHeight="1" thickBot="1" x14ac:dyDescent="0.35">
      <c r="A9" s="28" t="s">
        <v>0</v>
      </c>
      <c r="B9" s="30" t="s">
        <v>1</v>
      </c>
      <c r="C9" s="30" t="s">
        <v>2</v>
      </c>
      <c r="D9" s="30" t="s">
        <v>8</v>
      </c>
      <c r="E9" s="29" t="s">
        <v>7</v>
      </c>
      <c r="F9" s="1"/>
      <c r="G9"/>
      <c r="H9"/>
      <c r="I9"/>
      <c r="J9"/>
      <c r="K9"/>
      <c r="L9"/>
      <c r="M9" s="46"/>
      <c r="N9" s="50" t="s">
        <v>97</v>
      </c>
      <c r="O9" s="77">
        <f>D11/B11</f>
        <v>0.74379391586449595</v>
      </c>
      <c r="P9" s="78">
        <f>C11/B11</f>
        <v>0.25620608413550405</v>
      </c>
    </row>
    <row r="10" spans="1:16" s="5" customFormat="1" ht="21" customHeight="1" x14ac:dyDescent="0.3">
      <c r="A10" s="31" t="s">
        <v>84</v>
      </c>
      <c r="B10" s="32"/>
      <c r="C10" s="32"/>
      <c r="D10" s="32"/>
      <c r="E10" s="32"/>
      <c r="F10" s="3"/>
      <c r="G10" s="3"/>
      <c r="H10" s="3"/>
      <c r="I10" s="3"/>
      <c r="J10" s="3"/>
      <c r="K10" s="3"/>
      <c r="L10" s="3"/>
      <c r="M10" s="47"/>
      <c r="N10" s="50" t="s">
        <v>98</v>
      </c>
      <c r="O10" s="77">
        <f>D12/B12</f>
        <v>0.71635159779217916</v>
      </c>
      <c r="P10" s="78">
        <f>C12/B12</f>
        <v>0.28364840220782089</v>
      </c>
    </row>
    <row r="11" spans="1:16" s="5" customFormat="1" ht="21" customHeight="1" x14ac:dyDescent="0.3">
      <c r="A11" s="96" t="s">
        <v>100</v>
      </c>
      <c r="B11" s="105">
        <v>756092054514</v>
      </c>
      <c r="C11" s="105">
        <v>193715384533</v>
      </c>
      <c r="D11" s="97">
        <f>B11-C11</f>
        <v>562376669981</v>
      </c>
      <c r="E11" s="98">
        <f>C11/B11</f>
        <v>0.25620608413550405</v>
      </c>
      <c r="F11" s="4"/>
      <c r="G11" s="8"/>
      <c r="M11" s="34"/>
      <c r="N11" s="50" t="s">
        <v>99</v>
      </c>
      <c r="O11" s="77">
        <f>D13/B13</f>
        <v>0.18493121361908682</v>
      </c>
      <c r="P11" s="78">
        <f>C13/B13</f>
        <v>0.81506878638091318</v>
      </c>
    </row>
    <row r="12" spans="1:16" s="5" customFormat="1" ht="21" customHeight="1" thickBot="1" x14ac:dyDescent="0.3">
      <c r="A12" s="96" t="s">
        <v>101</v>
      </c>
      <c r="B12" s="105">
        <v>1159520210708</v>
      </c>
      <c r="C12" s="105">
        <v>328896055095</v>
      </c>
      <c r="D12" s="97">
        <f>B12-C12</f>
        <v>830624155613</v>
      </c>
      <c r="E12" s="98">
        <f>C12/B12</f>
        <v>0.28364840220782089</v>
      </c>
      <c r="F12" s="6"/>
      <c r="G12" s="8"/>
      <c r="M12" s="47"/>
      <c r="N12" s="49" t="s">
        <v>9</v>
      </c>
      <c r="O12" s="53">
        <f>O9+O10+O11</f>
        <v>1.645076727275762</v>
      </c>
      <c r="P12" s="53">
        <f>P9+P10+P11</f>
        <v>1.3549232727242382</v>
      </c>
    </row>
    <row r="13" spans="1:16" s="5" customFormat="1" ht="21" customHeight="1" x14ac:dyDescent="0.25">
      <c r="A13" s="96" t="s">
        <v>102</v>
      </c>
      <c r="B13" s="105">
        <v>1040255121</v>
      </c>
      <c r="C13" s="105">
        <v>847879479</v>
      </c>
      <c r="D13" s="102">
        <f>B13-C13</f>
        <v>192375642</v>
      </c>
      <c r="E13" s="98">
        <f>C13/B13</f>
        <v>0.81506878638091318</v>
      </c>
      <c r="G13" s="8"/>
      <c r="M13" s="47"/>
      <c r="N13" s="13"/>
      <c r="O13" s="13"/>
      <c r="P13" s="13"/>
    </row>
    <row r="14" spans="1:16" s="13" customFormat="1" ht="16.5" customHeight="1" x14ac:dyDescent="0.25">
      <c r="A14" s="58" t="s">
        <v>9</v>
      </c>
      <c r="B14" s="33">
        <f>SUM(B11:B13)</f>
        <v>1916652520343</v>
      </c>
      <c r="C14" s="36">
        <f>SUM(C11:C13)</f>
        <v>523459319107</v>
      </c>
      <c r="D14" s="24">
        <f>SUM(D11:D13)</f>
        <v>1393193201236</v>
      </c>
      <c r="E14" s="101">
        <f>+C14/B14</f>
        <v>0.27311122571832835</v>
      </c>
      <c r="F14" s="5"/>
      <c r="G14" s="8"/>
      <c r="H14" s="5"/>
      <c r="I14" s="5"/>
      <c r="J14" s="5"/>
      <c r="K14" s="5"/>
      <c r="L14" s="5"/>
      <c r="N14" s="21"/>
      <c r="O14" s="20"/>
      <c r="P14" s="20"/>
    </row>
    <row r="15" spans="1:16" s="20" customFormat="1" ht="15.75" customHeight="1" thickBot="1" x14ac:dyDescent="0.3">
      <c r="A15" s="21"/>
      <c r="B15" s="21"/>
      <c r="C15" s="35"/>
      <c r="D15" s="21"/>
      <c r="E15" s="21"/>
      <c r="F15" s="22"/>
      <c r="G15" s="21"/>
      <c r="H15" s="23"/>
      <c r="I15" s="21"/>
      <c r="J15" s="21"/>
      <c r="K15" s="21"/>
      <c r="L15" s="21"/>
      <c r="M15" s="21"/>
      <c r="N15" s="3"/>
      <c r="O15" s="3"/>
      <c r="P15" s="3"/>
    </row>
    <row r="16" spans="1:16" s="3" customFormat="1" ht="27" thickBot="1" x14ac:dyDescent="0.45">
      <c r="A16" s="238"/>
      <c r="B16" s="238"/>
      <c r="C16" s="238"/>
      <c r="D16" s="238"/>
      <c r="E16" s="238"/>
      <c r="F16" s="238"/>
      <c r="G16" s="238"/>
      <c r="H16" s="238"/>
      <c r="I16" s="238"/>
      <c r="J16" s="238"/>
      <c r="K16" s="238"/>
      <c r="L16" s="238"/>
      <c r="N16" s="48" t="s">
        <v>0</v>
      </c>
      <c r="O16" s="48" t="s">
        <v>2</v>
      </c>
      <c r="P16" s="48" t="s">
        <v>7</v>
      </c>
    </row>
    <row r="17" spans="1:20" s="13" customFormat="1" ht="23.25" customHeight="1" thickBot="1" x14ac:dyDescent="0.35">
      <c r="A17" s="236" t="s">
        <v>85</v>
      </c>
      <c r="B17" s="236"/>
      <c r="C17" s="236"/>
      <c r="D17" s="236"/>
      <c r="E17" s="236"/>
      <c r="F17" s="236"/>
      <c r="G17" s="236"/>
      <c r="H17" s="236"/>
      <c r="I17" s="236"/>
      <c r="J17" s="236"/>
      <c r="K17" s="236"/>
      <c r="L17" s="236"/>
      <c r="M17" s="18"/>
      <c r="N17" s="50" t="s">
        <v>96</v>
      </c>
      <c r="O17" s="52">
        <f>C18</f>
        <v>381829940670</v>
      </c>
      <c r="P17" s="59">
        <f>O17/$O$20</f>
        <v>0.72943574931741806</v>
      </c>
    </row>
    <row r="18" spans="1:20" s="17" customFormat="1" ht="20.25" customHeight="1" x14ac:dyDescent="0.3">
      <c r="A18" s="146" t="s">
        <v>96</v>
      </c>
      <c r="B18" s="105">
        <v>1342165982239</v>
      </c>
      <c r="C18" s="105">
        <v>381829940670</v>
      </c>
      <c r="D18" s="102">
        <f>B18-C18</f>
        <v>960336041569</v>
      </c>
      <c r="E18" s="98">
        <f>C18/B18</f>
        <v>0.28448786940124327</v>
      </c>
      <c r="F18" s="15"/>
      <c r="G18" s="16"/>
      <c r="M18" s="16"/>
      <c r="N18" s="50" t="s">
        <v>160</v>
      </c>
      <c r="O18" s="52">
        <f>C19</f>
        <v>0</v>
      </c>
      <c r="P18" s="59">
        <f>O18/$O$20</f>
        <v>0</v>
      </c>
    </row>
    <row r="19" spans="1:20" s="17" customFormat="1" ht="20.25" customHeight="1" x14ac:dyDescent="0.3">
      <c r="A19" s="146" t="s">
        <v>159</v>
      </c>
      <c r="B19" s="105">
        <v>0</v>
      </c>
      <c r="C19" s="105">
        <v>0</v>
      </c>
      <c r="D19" s="105">
        <f>B19-C19</f>
        <v>0</v>
      </c>
      <c r="E19" s="140" t="s">
        <v>248</v>
      </c>
      <c r="F19" s="15"/>
      <c r="G19" s="16"/>
      <c r="M19" s="16"/>
      <c r="N19" s="50" t="s">
        <v>45</v>
      </c>
      <c r="O19" s="52">
        <f>C20</f>
        <v>141629378437</v>
      </c>
      <c r="P19" s="59">
        <f>O19/$O$20</f>
        <v>0.27056425068258194</v>
      </c>
    </row>
    <row r="20" spans="1:20" s="5" customFormat="1" ht="20.25" customHeight="1" x14ac:dyDescent="0.25">
      <c r="A20" s="146" t="s">
        <v>45</v>
      </c>
      <c r="B20" s="105">
        <v>574486538104</v>
      </c>
      <c r="C20" s="105">
        <v>141629378437</v>
      </c>
      <c r="D20" s="105">
        <f>B20-C20</f>
        <v>432857159667</v>
      </c>
      <c r="E20" s="140">
        <f>C20/B20</f>
        <v>0.24653211005504999</v>
      </c>
      <c r="F20" s="17"/>
      <c r="G20" s="16"/>
      <c r="H20" s="17"/>
      <c r="I20" s="17"/>
      <c r="J20" s="17"/>
      <c r="K20" s="17"/>
      <c r="L20" s="17"/>
      <c r="M20" s="8"/>
      <c r="N20" s="55" t="s">
        <v>9</v>
      </c>
      <c r="O20" s="56">
        <f>SUM(O17:O19)</f>
        <v>523459319107</v>
      </c>
      <c r="P20" s="54">
        <f>O20/$O$20</f>
        <v>1</v>
      </c>
    </row>
    <row r="21" spans="1:20" s="14" customFormat="1" ht="15" customHeight="1" thickBot="1" x14ac:dyDescent="0.3">
      <c r="A21" s="143" t="s">
        <v>9</v>
      </c>
      <c r="B21" s="147">
        <f>SUM(B18:B20)</f>
        <v>1916652520343</v>
      </c>
      <c r="C21" s="147">
        <f>SUM(C18:C20)</f>
        <v>523459319107</v>
      </c>
      <c r="D21" s="147">
        <f>SUM(D18:D20)</f>
        <v>1393193201236</v>
      </c>
      <c r="E21" s="145">
        <f>C21/B21</f>
        <v>0.27311122571832835</v>
      </c>
      <c r="F21" s="5"/>
      <c r="G21" s="8"/>
      <c r="H21" s="5"/>
      <c r="I21" s="5"/>
      <c r="J21" s="5"/>
      <c r="K21" s="5"/>
      <c r="L21" s="5"/>
      <c r="N21" s="21"/>
      <c r="O21" s="20"/>
      <c r="P21" s="20"/>
    </row>
    <row r="22" spans="1:20" s="42" customFormat="1" ht="18.75" customHeight="1" thickBot="1" x14ac:dyDescent="0.35">
      <c r="A22" s="37"/>
      <c r="B22" s="38"/>
      <c r="C22" s="38"/>
      <c r="D22" s="38"/>
      <c r="E22" s="39"/>
      <c r="F22" s="40"/>
      <c r="G22" s="41"/>
      <c r="H22" s="40"/>
      <c r="I22" s="40"/>
      <c r="J22" s="40"/>
      <c r="K22" s="40"/>
      <c r="L22" s="40"/>
      <c r="N22" s="48" t="s">
        <v>0</v>
      </c>
      <c r="O22" s="99" t="s">
        <v>2</v>
      </c>
      <c r="P22" s="48" t="s">
        <v>2</v>
      </c>
      <c r="Q22" s="48" t="s">
        <v>8</v>
      </c>
      <c r="R22" s="86" t="s">
        <v>103</v>
      </c>
      <c r="S22" s="85" t="s">
        <v>44</v>
      </c>
    </row>
    <row r="23" spans="1:20" s="13" customFormat="1" ht="23.25" customHeight="1" thickBot="1" x14ac:dyDescent="0.35">
      <c r="A23" s="236" t="s">
        <v>161</v>
      </c>
      <c r="B23" s="236"/>
      <c r="C23" s="236"/>
      <c r="D23" s="236"/>
      <c r="E23" s="236"/>
      <c r="F23" s="236"/>
      <c r="G23" s="236"/>
      <c r="H23" s="236"/>
      <c r="I23" s="236"/>
      <c r="J23" s="236"/>
      <c r="K23" s="236"/>
      <c r="L23" s="236"/>
      <c r="N23" s="57" t="s">
        <v>89</v>
      </c>
      <c r="O23" s="100">
        <f t="shared" ref="O23:Q29" si="0">B24/1000000</f>
        <v>1354869.4486390001</v>
      </c>
      <c r="P23" s="51">
        <f t="shared" si="0"/>
        <v>387945.34480800002</v>
      </c>
      <c r="Q23" s="81">
        <f t="shared" si="0"/>
        <v>966924.10383100004</v>
      </c>
      <c r="R23" s="87">
        <f t="shared" ref="R23:R30" si="1">P23/O23</f>
        <v>0.28633411521508639</v>
      </c>
      <c r="S23" s="83">
        <f t="shared" ref="S23:S30" si="2">Q23/O23</f>
        <v>0.71366588478491355</v>
      </c>
    </row>
    <row r="24" spans="1:20" s="7" customFormat="1" ht="21" customHeight="1" x14ac:dyDescent="0.3">
      <c r="A24" s="141" t="s">
        <v>10</v>
      </c>
      <c r="B24" s="105">
        <v>1354869448639</v>
      </c>
      <c r="C24" s="105">
        <v>387945344808</v>
      </c>
      <c r="D24" s="102">
        <f>B24-C24</f>
        <v>966924103831</v>
      </c>
      <c r="E24" s="142">
        <f t="shared" ref="E24:E31" si="3">C24/B24</f>
        <v>0.28633411521508639</v>
      </c>
      <c r="N24" s="57" t="s">
        <v>90</v>
      </c>
      <c r="O24" s="100">
        <f>B25/1000000</f>
        <v>334182.39318900002</v>
      </c>
      <c r="P24" s="100">
        <f t="shared" si="0"/>
        <v>96542.956187000003</v>
      </c>
      <c r="Q24" s="81">
        <f t="shared" si="0"/>
        <v>237639.43700199999</v>
      </c>
      <c r="R24" s="87">
        <f t="shared" si="1"/>
        <v>0.28889300619856179</v>
      </c>
      <c r="S24" s="83">
        <f t="shared" si="2"/>
        <v>0.71110699380143816</v>
      </c>
      <c r="T24" s="9"/>
    </row>
    <row r="25" spans="1:20" s="7" customFormat="1" ht="21" customHeight="1" x14ac:dyDescent="0.3">
      <c r="A25" s="141" t="s">
        <v>11</v>
      </c>
      <c r="B25" s="105">
        <v>334182393189</v>
      </c>
      <c r="C25" s="105">
        <v>96542956187</v>
      </c>
      <c r="D25" s="102">
        <f t="shared" ref="D25:D30" si="4">B25-C25</f>
        <v>237639437002</v>
      </c>
      <c r="E25" s="142">
        <f t="shared" ref="E25:E30" si="5">C25/B25</f>
        <v>0.28889300619856184</v>
      </c>
      <c r="M25" s="9"/>
      <c r="N25" s="57" t="s">
        <v>91</v>
      </c>
      <c r="O25" s="100">
        <f t="shared" si="0"/>
        <v>16892.426383999999</v>
      </c>
      <c r="P25" s="100">
        <f t="shared" si="0"/>
        <v>3225.376092</v>
      </c>
      <c r="Q25" s="81">
        <f t="shared" si="0"/>
        <v>13667.050292</v>
      </c>
      <c r="R25" s="87">
        <f t="shared" si="1"/>
        <v>0.19093622305526101</v>
      </c>
      <c r="S25" s="83">
        <f t="shared" si="2"/>
        <v>0.80906377694473908</v>
      </c>
      <c r="T25" s="9"/>
    </row>
    <row r="26" spans="1:20" s="7" customFormat="1" ht="21" customHeight="1" x14ac:dyDescent="0.3">
      <c r="A26" s="141" t="s">
        <v>79</v>
      </c>
      <c r="B26" s="105">
        <v>16892426384</v>
      </c>
      <c r="C26" s="105">
        <v>3225376092</v>
      </c>
      <c r="D26" s="102">
        <f t="shared" si="4"/>
        <v>13667050292</v>
      </c>
      <c r="E26" s="142">
        <f t="shared" si="5"/>
        <v>0.19093622305526101</v>
      </c>
      <c r="M26" s="9"/>
      <c r="N26" s="57" t="s">
        <v>92</v>
      </c>
      <c r="O26" s="100">
        <f t="shared" si="0"/>
        <v>182026.88238699999</v>
      </c>
      <c r="P26" s="100">
        <f t="shared" si="0"/>
        <v>25203.932517000001</v>
      </c>
      <c r="Q26" s="81">
        <f t="shared" si="0"/>
        <v>156822.94987000001</v>
      </c>
      <c r="R26" s="87">
        <f t="shared" si="1"/>
        <v>0.13846269400700353</v>
      </c>
      <c r="S26" s="83">
        <f t="shared" si="2"/>
        <v>0.8615373059929966</v>
      </c>
      <c r="T26" s="9"/>
    </row>
    <row r="27" spans="1:20" s="7" customFormat="1" ht="21" customHeight="1" x14ac:dyDescent="0.3">
      <c r="A27" s="141" t="s">
        <v>12</v>
      </c>
      <c r="B27" s="105">
        <v>182026882387</v>
      </c>
      <c r="C27" s="105">
        <v>25203932517</v>
      </c>
      <c r="D27" s="102">
        <f t="shared" si="4"/>
        <v>156822949870</v>
      </c>
      <c r="E27" s="142">
        <f t="shared" si="5"/>
        <v>0.13846269400700353</v>
      </c>
      <c r="M27" s="9"/>
      <c r="N27" s="57" t="s">
        <v>93</v>
      </c>
      <c r="O27" s="100">
        <f t="shared" si="0"/>
        <v>1040.2551209999999</v>
      </c>
      <c r="P27" s="100">
        <f t="shared" si="0"/>
        <v>847.87947899999995</v>
      </c>
      <c r="Q27" s="81">
        <f t="shared" si="0"/>
        <v>192.375642</v>
      </c>
      <c r="R27" s="87">
        <f t="shared" si="1"/>
        <v>0.81506878638091318</v>
      </c>
      <c r="S27" s="83">
        <f t="shared" si="2"/>
        <v>0.18493121361908682</v>
      </c>
      <c r="T27" s="9"/>
    </row>
    <row r="28" spans="1:20" s="7" customFormat="1" ht="21" customHeight="1" x14ac:dyDescent="0.3">
      <c r="A28" s="141" t="s">
        <v>88</v>
      </c>
      <c r="B28" s="105">
        <v>1040255121</v>
      </c>
      <c r="C28" s="105">
        <v>847879479</v>
      </c>
      <c r="D28" s="102">
        <f t="shared" si="4"/>
        <v>192375642</v>
      </c>
      <c r="E28" s="142">
        <f t="shared" si="5"/>
        <v>0.81506878638091318</v>
      </c>
      <c r="M28" s="9"/>
      <c r="N28" s="57" t="s">
        <v>94</v>
      </c>
      <c r="O28" s="100">
        <f t="shared" si="0"/>
        <v>21469.1</v>
      </c>
      <c r="P28" s="100">
        <f t="shared" si="0"/>
        <v>7110.8536670000003</v>
      </c>
      <c r="Q28" s="81">
        <f t="shared" si="0"/>
        <v>14358.246332999999</v>
      </c>
      <c r="R28" s="87">
        <f t="shared" si="1"/>
        <v>0.33121340284408757</v>
      </c>
      <c r="S28" s="83">
        <f t="shared" si="2"/>
        <v>0.66878659715591249</v>
      </c>
      <c r="T28" s="9"/>
    </row>
    <row r="29" spans="1:20" s="7" customFormat="1" ht="21" customHeight="1" x14ac:dyDescent="0.3">
      <c r="A29" s="141" t="s">
        <v>13</v>
      </c>
      <c r="B29" s="105">
        <v>21469100000</v>
      </c>
      <c r="C29" s="105">
        <v>7110853667</v>
      </c>
      <c r="D29" s="102">
        <f t="shared" si="4"/>
        <v>14358246333</v>
      </c>
      <c r="E29" s="142">
        <f t="shared" si="5"/>
        <v>0.33121340284408757</v>
      </c>
      <c r="M29" s="9"/>
      <c r="N29" s="57" t="s">
        <v>95</v>
      </c>
      <c r="O29" s="100">
        <f t="shared" si="0"/>
        <v>6172.014623</v>
      </c>
      <c r="P29" s="100">
        <f t="shared" si="0"/>
        <v>2582.976357</v>
      </c>
      <c r="Q29" s="81">
        <f t="shared" si="0"/>
        <v>3589.038266</v>
      </c>
      <c r="R29" s="87">
        <f t="shared" si="1"/>
        <v>0.41849809418379275</v>
      </c>
      <c r="S29" s="83">
        <f t="shared" si="2"/>
        <v>0.58150190581620731</v>
      </c>
      <c r="T29" s="9"/>
    </row>
    <row r="30" spans="1:20" s="5" customFormat="1" ht="22.5" customHeight="1" x14ac:dyDescent="0.25">
      <c r="A30" s="141" t="s">
        <v>14</v>
      </c>
      <c r="B30" s="105">
        <v>6172014623</v>
      </c>
      <c r="C30" s="105">
        <v>2582976357</v>
      </c>
      <c r="D30" s="102">
        <f t="shared" si="4"/>
        <v>3589038266</v>
      </c>
      <c r="E30" s="142">
        <f t="shared" si="5"/>
        <v>0.41849809418379275</v>
      </c>
      <c r="F30" s="7"/>
      <c r="G30" s="7"/>
      <c r="H30" s="7"/>
      <c r="I30" s="7"/>
      <c r="J30" s="7"/>
      <c r="K30" s="7"/>
      <c r="L30" s="7"/>
      <c r="M30" s="8"/>
      <c r="N30" s="58" t="s">
        <v>9</v>
      </c>
      <c r="O30" s="56">
        <f>SUM(O23:O29)</f>
        <v>1916652.5203430003</v>
      </c>
      <c r="P30" s="56">
        <f>SUM(P23:P29)</f>
        <v>523459.31910700008</v>
      </c>
      <c r="Q30" s="82">
        <f>SUM(Q23:Q29)</f>
        <v>1393193.2012360001</v>
      </c>
      <c r="R30" s="88">
        <f t="shared" si="1"/>
        <v>0.27311122571832835</v>
      </c>
      <c r="S30" s="84">
        <f t="shared" si="2"/>
        <v>0.72688877428167153</v>
      </c>
      <c r="T30" s="9"/>
    </row>
    <row r="31" spans="1:20" s="13" customFormat="1" ht="19.5" customHeight="1" x14ac:dyDescent="0.25">
      <c r="A31" s="143" t="s">
        <v>9</v>
      </c>
      <c r="B31" s="144">
        <f>SUM(B24:B30)</f>
        <v>1916652520343</v>
      </c>
      <c r="C31" s="144">
        <f>SUM(C24:C30)</f>
        <v>523459319107</v>
      </c>
      <c r="D31" s="144">
        <f>SUM(D24:D30)</f>
        <v>1393193201236</v>
      </c>
      <c r="E31" s="145">
        <f t="shared" si="3"/>
        <v>0.27311122571832835</v>
      </c>
      <c r="F31" s="5"/>
      <c r="G31" s="8"/>
      <c r="H31" s="5"/>
      <c r="I31" s="5"/>
      <c r="J31" s="5"/>
      <c r="K31" s="5"/>
      <c r="L31" s="5"/>
      <c r="P31" s="20"/>
    </row>
    <row r="32" spans="1:20" s="20" customFormat="1" ht="12.75" customHeight="1" x14ac:dyDescent="0.2">
      <c r="A32" s="21"/>
      <c r="B32" s="21"/>
      <c r="C32" s="21"/>
      <c r="D32" s="21"/>
      <c r="E32" s="21"/>
      <c r="F32" s="22"/>
      <c r="G32" s="21"/>
      <c r="H32" s="23"/>
      <c r="I32" s="21"/>
      <c r="J32" s="21"/>
      <c r="K32" s="21"/>
      <c r="L32" s="21"/>
      <c r="M32" s="21"/>
      <c r="N32" s="21"/>
      <c r="P32"/>
    </row>
    <row r="34" spans="2:4" x14ac:dyDescent="0.2">
      <c r="C34" s="25"/>
    </row>
    <row r="35" spans="2:4" x14ac:dyDescent="0.2">
      <c r="B35" s="25">
        <f>+B14-B21</f>
        <v>0</v>
      </c>
      <c r="C35" s="25">
        <f>+C14-C21</f>
        <v>0</v>
      </c>
      <c r="D35" s="25">
        <f>+D14-D21</f>
        <v>0</v>
      </c>
    </row>
    <row r="36" spans="2:4" x14ac:dyDescent="0.2">
      <c r="B36" s="25">
        <f>+B14-B31</f>
        <v>0</v>
      </c>
      <c r="C36" s="25">
        <f>+C14-C31</f>
        <v>0</v>
      </c>
      <c r="D36" s="25">
        <f>+D14-D31</f>
        <v>0</v>
      </c>
    </row>
    <row r="65529" spans="18:18" x14ac:dyDescent="0.2">
      <c r="R65529" s="13"/>
    </row>
  </sheetData>
  <mergeCells count="10">
    <mergeCell ref="A5:L5"/>
    <mergeCell ref="A6:L6"/>
    <mergeCell ref="A23:E23"/>
    <mergeCell ref="F23:L23"/>
    <mergeCell ref="A7:L7"/>
    <mergeCell ref="A8:E8"/>
    <mergeCell ref="F8:L8"/>
    <mergeCell ref="A16:L16"/>
    <mergeCell ref="A17:E17"/>
    <mergeCell ref="F17:L17"/>
  </mergeCells>
  <conditionalFormatting sqref="J1:J4">
    <cfRule type="cellIs" dxfId="49" priority="1" operator="greaterThan">
      <formula>0.2</formula>
    </cfRule>
    <cfRule type="cellIs" dxfId="48" priority="2" operator="greaterThan">
      <formula>0.2</formula>
    </cfRule>
    <cfRule type="cellIs" dxfId="47" priority="3" operator="greaterThan">
      <formula>0.1</formula>
    </cfRule>
    <cfRule type="cellIs" dxfId="46" priority="4" operator="greaterThan">
      <formula>0.1</formula>
    </cfRule>
  </conditionalFormatting>
  <conditionalFormatting sqref="E1:G4">
    <cfRule type="cellIs" dxfId="45" priority="5" operator="lessThan">
      <formula>0</formula>
    </cfRule>
  </conditionalFormatting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J44"/>
  <sheetViews>
    <sheetView view="pageBreakPreview" topLeftCell="A28" zoomScaleNormal="100" zoomScaleSheetLayoutView="100" workbookViewId="0">
      <selection activeCell="A7" sqref="A7:I7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10" s="134" customFormat="1" x14ac:dyDescent="0.2">
      <c r="J1" s="163"/>
    </row>
    <row r="2" spans="1:10" s="134" customFormat="1" x14ac:dyDescent="0.2">
      <c r="J2" s="163"/>
    </row>
    <row r="3" spans="1:10" s="134" customFormat="1" ht="18" customHeight="1" x14ac:dyDescent="0.2">
      <c r="J3" s="163"/>
    </row>
    <row r="4" spans="1:10" s="134" customFormat="1" ht="13.5" customHeight="1" x14ac:dyDescent="0.2">
      <c r="A4" s="135" t="s">
        <v>70</v>
      </c>
      <c r="B4" s="136"/>
      <c r="C4" s="136"/>
      <c r="D4" s="136"/>
      <c r="E4" s="136"/>
      <c r="J4" s="163"/>
    </row>
    <row r="5" spans="1:10" s="121" customFormat="1" ht="16.5" customHeight="1" x14ac:dyDescent="0.25">
      <c r="A5" s="222" t="s">
        <v>235</v>
      </c>
      <c r="B5" s="222"/>
      <c r="C5" s="222"/>
      <c r="D5" s="222"/>
      <c r="E5" s="222"/>
      <c r="F5" s="134"/>
      <c r="G5" s="134"/>
      <c r="H5" s="134"/>
      <c r="I5" s="134"/>
      <c r="J5" s="164"/>
    </row>
    <row r="6" spans="1:10" s="121" customFormat="1" ht="15.75" customHeight="1" x14ac:dyDescent="0.2">
      <c r="A6" s="223" t="s">
        <v>251</v>
      </c>
      <c r="B6" s="223"/>
      <c r="C6" s="223"/>
      <c r="D6" s="223"/>
      <c r="E6" s="223"/>
      <c r="F6" s="134"/>
      <c r="G6" s="134"/>
      <c r="H6" s="134"/>
      <c r="I6" s="134"/>
      <c r="J6" s="164"/>
    </row>
    <row r="7" spans="1:10" s="137" customFormat="1" ht="13.5" customHeight="1" x14ac:dyDescent="0.2">
      <c r="A7" s="239" t="s">
        <v>236</v>
      </c>
      <c r="B7" s="239"/>
      <c r="C7" s="239"/>
      <c r="D7" s="239"/>
      <c r="E7" s="239"/>
      <c r="F7" s="134"/>
      <c r="G7" s="134"/>
      <c r="H7" s="134"/>
      <c r="J7" s="165"/>
    </row>
    <row r="8" spans="1:10" ht="36.75" customHeight="1" x14ac:dyDescent="0.2">
      <c r="A8" s="126" t="s">
        <v>5</v>
      </c>
      <c r="B8" s="93" t="s">
        <v>1</v>
      </c>
      <c r="C8" s="93" t="s">
        <v>2</v>
      </c>
      <c r="D8" s="93" t="s">
        <v>43</v>
      </c>
      <c r="E8" s="93" t="s">
        <v>6</v>
      </c>
      <c r="F8" s="134"/>
      <c r="G8" s="134"/>
      <c r="H8" s="134"/>
    </row>
    <row r="9" spans="1:10" ht="16.5" x14ac:dyDescent="0.3">
      <c r="A9" s="89" t="s">
        <v>104</v>
      </c>
      <c r="B9" s="90">
        <f>SUM(B10:B17)</f>
        <v>756092054514</v>
      </c>
      <c r="C9" s="90">
        <f>SUM(C10:C17)</f>
        <v>193715384533</v>
      </c>
      <c r="D9" s="90">
        <f>SUM(D10:D17)</f>
        <v>562376669981</v>
      </c>
      <c r="E9" s="127">
        <f t="shared" ref="E9:E40" si="0">+C9/B9</f>
        <v>0.25620608413550405</v>
      </c>
    </row>
    <row r="10" spans="1:10" ht="16.5" x14ac:dyDescent="0.3">
      <c r="A10" s="92" t="s">
        <v>105</v>
      </c>
      <c r="B10" s="105">
        <v>301712175628</v>
      </c>
      <c r="C10" s="106">
        <v>100795309562</v>
      </c>
      <c r="D10" s="106">
        <f t="shared" ref="D10" si="1">B10-C10</f>
        <v>200916866066</v>
      </c>
      <c r="E10" s="128">
        <f t="shared" si="0"/>
        <v>0.33407769955653666</v>
      </c>
    </row>
    <row r="11" spans="1:10" ht="16.5" x14ac:dyDescent="0.3">
      <c r="A11" s="92" t="s">
        <v>106</v>
      </c>
      <c r="B11" s="105">
        <v>133105585830</v>
      </c>
      <c r="C11" s="106">
        <v>38914520227</v>
      </c>
      <c r="D11" s="106">
        <f t="shared" ref="D11:D17" si="2">B11-C11</f>
        <v>94191065603</v>
      </c>
      <c r="E11" s="128">
        <f t="shared" ref="E11:E17" si="3">+C11/B11</f>
        <v>0.29235828071633979</v>
      </c>
    </row>
    <row r="12" spans="1:10" ht="16.5" x14ac:dyDescent="0.3">
      <c r="A12" s="92" t="s">
        <v>107</v>
      </c>
      <c r="B12" s="105">
        <v>65613783115</v>
      </c>
      <c r="C12" s="106">
        <v>20251052508</v>
      </c>
      <c r="D12" s="106">
        <f t="shared" si="2"/>
        <v>45362730607</v>
      </c>
      <c r="E12" s="128">
        <f t="shared" si="3"/>
        <v>0.30864022079791337</v>
      </c>
    </row>
    <row r="13" spans="1:10" ht="16.5" x14ac:dyDescent="0.3">
      <c r="A13" s="92" t="s">
        <v>108</v>
      </c>
      <c r="B13" s="105">
        <v>48023117499</v>
      </c>
      <c r="C13" s="106">
        <v>13907011559</v>
      </c>
      <c r="D13" s="106">
        <f t="shared" si="2"/>
        <v>34116105940</v>
      </c>
      <c r="E13" s="128">
        <f t="shared" si="3"/>
        <v>0.28958993674847516</v>
      </c>
    </row>
    <row r="14" spans="1:10" ht="16.5" x14ac:dyDescent="0.3">
      <c r="A14" s="92" t="s">
        <v>241</v>
      </c>
      <c r="B14" s="105">
        <v>14464839249</v>
      </c>
      <c r="C14" s="106">
        <v>4659741091</v>
      </c>
      <c r="D14" s="106">
        <f t="shared" si="2"/>
        <v>9805098158</v>
      </c>
      <c r="E14" s="128">
        <f t="shared" si="3"/>
        <v>0.32214261152761464</v>
      </c>
    </row>
    <row r="15" spans="1:10" ht="16.5" x14ac:dyDescent="0.3">
      <c r="A15" s="92" t="s">
        <v>242</v>
      </c>
      <c r="B15" s="105">
        <v>41393072750</v>
      </c>
      <c r="C15" s="106">
        <v>9732154974</v>
      </c>
      <c r="D15" s="106">
        <f t="shared" si="2"/>
        <v>31660917776</v>
      </c>
      <c r="E15" s="128">
        <f t="shared" si="3"/>
        <v>0.23511554778208632</v>
      </c>
    </row>
    <row r="16" spans="1:10" ht="16.5" x14ac:dyDescent="0.3">
      <c r="A16" s="92" t="s">
        <v>243</v>
      </c>
      <c r="B16" s="105">
        <v>31456489097</v>
      </c>
      <c r="C16" s="106">
        <v>4226989172</v>
      </c>
      <c r="D16" s="106">
        <f t="shared" si="2"/>
        <v>27229499925</v>
      </c>
      <c r="E16" s="128">
        <f t="shared" si="3"/>
        <v>0.1343757454611528</v>
      </c>
    </row>
    <row r="17" spans="1:5" ht="16.5" x14ac:dyDescent="0.3">
      <c r="A17" s="92" t="s">
        <v>109</v>
      </c>
      <c r="B17" s="105">
        <v>120322991346</v>
      </c>
      <c r="C17" s="106">
        <v>1228605440</v>
      </c>
      <c r="D17" s="106">
        <f t="shared" si="2"/>
        <v>119094385906</v>
      </c>
      <c r="E17" s="128">
        <f t="shared" si="3"/>
        <v>1.0210895077126452E-2</v>
      </c>
    </row>
    <row r="18" spans="1:5" ht="16.5" x14ac:dyDescent="0.3">
      <c r="A18" s="89" t="s">
        <v>110</v>
      </c>
      <c r="B18" s="90">
        <f>SUM(B19:B37)</f>
        <v>1159520210708</v>
      </c>
      <c r="C18" s="90">
        <f>SUM(C19:C37)</f>
        <v>328896055095</v>
      </c>
      <c r="D18" s="90">
        <f>SUM(D19:D37)</f>
        <v>830624155613</v>
      </c>
      <c r="E18" s="127">
        <f t="shared" si="0"/>
        <v>0.28364840220782089</v>
      </c>
    </row>
    <row r="19" spans="1:5" ht="16.5" x14ac:dyDescent="0.3">
      <c r="A19" s="92" t="s">
        <v>111</v>
      </c>
      <c r="B19" s="106">
        <v>86704624080</v>
      </c>
      <c r="C19" s="106">
        <v>23998920785</v>
      </c>
      <c r="D19" s="106">
        <f t="shared" ref="D19:D37" si="4">B19-C19</f>
        <v>62705703295</v>
      </c>
      <c r="E19" s="128">
        <f t="shared" ref="E19:E37" si="5">+C19/B19</f>
        <v>0.27678939894666804</v>
      </c>
    </row>
    <row r="20" spans="1:5" ht="16.5" x14ac:dyDescent="0.3">
      <c r="A20" s="92" t="s">
        <v>17</v>
      </c>
      <c r="B20" s="106">
        <v>155367464662</v>
      </c>
      <c r="C20" s="106">
        <v>44085900080</v>
      </c>
      <c r="D20" s="106">
        <f t="shared" si="4"/>
        <v>111281564582</v>
      </c>
      <c r="E20" s="128">
        <f t="shared" si="5"/>
        <v>0.28375245857238085</v>
      </c>
    </row>
    <row r="21" spans="1:5" ht="16.5" x14ac:dyDescent="0.3">
      <c r="A21" s="92" t="s">
        <v>18</v>
      </c>
      <c r="B21" s="106">
        <v>52344299280</v>
      </c>
      <c r="C21" s="106">
        <v>15190538192</v>
      </c>
      <c r="D21" s="106">
        <f t="shared" si="4"/>
        <v>37153761088</v>
      </c>
      <c r="E21" s="128">
        <f t="shared" si="5"/>
        <v>0.29020425148386858</v>
      </c>
    </row>
    <row r="22" spans="1:5" ht="16.5" x14ac:dyDescent="0.3">
      <c r="A22" s="92" t="s">
        <v>19</v>
      </c>
      <c r="B22" s="106">
        <v>53544799043</v>
      </c>
      <c r="C22" s="106">
        <v>14412347072</v>
      </c>
      <c r="D22" s="106">
        <f t="shared" si="4"/>
        <v>39132451971</v>
      </c>
      <c r="E22" s="128">
        <f t="shared" si="5"/>
        <v>0.2691642760751784</v>
      </c>
    </row>
    <row r="23" spans="1:5" ht="16.5" x14ac:dyDescent="0.3">
      <c r="A23" s="92" t="s">
        <v>20</v>
      </c>
      <c r="B23" s="106">
        <v>40728611841</v>
      </c>
      <c r="C23" s="106">
        <v>11660436860</v>
      </c>
      <c r="D23" s="106">
        <f t="shared" si="4"/>
        <v>29068174981</v>
      </c>
      <c r="E23" s="128">
        <f t="shared" si="5"/>
        <v>0.28629595591229717</v>
      </c>
    </row>
    <row r="24" spans="1:5" ht="16.5" x14ac:dyDescent="0.3">
      <c r="A24" s="92" t="s">
        <v>21</v>
      </c>
      <c r="B24" s="106">
        <v>46322099707</v>
      </c>
      <c r="C24" s="106">
        <v>13526990745</v>
      </c>
      <c r="D24" s="106">
        <f t="shared" si="4"/>
        <v>32795108962</v>
      </c>
      <c r="E24" s="128">
        <f t="shared" si="5"/>
        <v>0.29202024153831391</v>
      </c>
    </row>
    <row r="25" spans="1:5" ht="16.5" x14ac:dyDescent="0.3">
      <c r="A25" s="92" t="s">
        <v>22</v>
      </c>
      <c r="B25" s="106">
        <v>62126038686</v>
      </c>
      <c r="C25" s="106">
        <v>18478149436</v>
      </c>
      <c r="D25" s="106">
        <f t="shared" si="4"/>
        <v>43647889250</v>
      </c>
      <c r="E25" s="128">
        <f t="shared" si="5"/>
        <v>0.29743002816247516</v>
      </c>
    </row>
    <row r="26" spans="1:5" ht="16.5" x14ac:dyDescent="0.3">
      <c r="A26" s="92" t="s">
        <v>23</v>
      </c>
      <c r="B26" s="106">
        <v>40512560331</v>
      </c>
      <c r="C26" s="106">
        <v>11760903789</v>
      </c>
      <c r="D26" s="106">
        <f t="shared" si="4"/>
        <v>28751656542</v>
      </c>
      <c r="E26" s="128">
        <f t="shared" si="5"/>
        <v>0.29030265411294232</v>
      </c>
    </row>
    <row r="27" spans="1:5" ht="16.5" x14ac:dyDescent="0.3">
      <c r="A27" s="92" t="s">
        <v>33</v>
      </c>
      <c r="B27" s="106">
        <v>71383160362</v>
      </c>
      <c r="C27" s="106">
        <v>20709608013</v>
      </c>
      <c r="D27" s="106">
        <f t="shared" si="4"/>
        <v>50673552349</v>
      </c>
      <c r="E27" s="128">
        <f t="shared" si="5"/>
        <v>0.29011895673961391</v>
      </c>
    </row>
    <row r="28" spans="1:5" ht="16.5" x14ac:dyDescent="0.3">
      <c r="A28" s="92" t="s">
        <v>24</v>
      </c>
      <c r="B28" s="106">
        <v>31349390714</v>
      </c>
      <c r="C28" s="106">
        <v>8823440424</v>
      </c>
      <c r="D28" s="106">
        <f t="shared" si="4"/>
        <v>22525950290</v>
      </c>
      <c r="E28" s="128">
        <f t="shared" si="5"/>
        <v>0.28145492537625716</v>
      </c>
    </row>
    <row r="29" spans="1:5" ht="16.5" x14ac:dyDescent="0.3">
      <c r="A29" s="92" t="s">
        <v>25</v>
      </c>
      <c r="B29" s="106">
        <v>41294376357</v>
      </c>
      <c r="C29" s="106">
        <v>11117977163</v>
      </c>
      <c r="D29" s="106">
        <f t="shared" si="4"/>
        <v>30176399194</v>
      </c>
      <c r="E29" s="128">
        <f t="shared" si="5"/>
        <v>0.26923707642131134</v>
      </c>
    </row>
    <row r="30" spans="1:5" ht="16.5" x14ac:dyDescent="0.3">
      <c r="A30" s="92" t="s">
        <v>26</v>
      </c>
      <c r="B30" s="106">
        <v>125169867025</v>
      </c>
      <c r="C30" s="106">
        <v>36105585393</v>
      </c>
      <c r="D30" s="106">
        <f t="shared" si="4"/>
        <v>89064281632</v>
      </c>
      <c r="E30" s="128">
        <f t="shared" si="5"/>
        <v>0.28845269433567972</v>
      </c>
    </row>
    <row r="31" spans="1:5" ht="16.5" x14ac:dyDescent="0.3">
      <c r="A31" s="92" t="s">
        <v>27</v>
      </c>
      <c r="B31" s="106">
        <v>165379433480</v>
      </c>
      <c r="C31" s="106">
        <v>47174068635</v>
      </c>
      <c r="D31" s="106">
        <f t="shared" si="4"/>
        <v>118205364845</v>
      </c>
      <c r="E31" s="128">
        <f t="shared" si="5"/>
        <v>0.28524749203899619</v>
      </c>
    </row>
    <row r="32" spans="1:5" ht="16.5" x14ac:dyDescent="0.3">
      <c r="A32" s="92" t="s">
        <v>28</v>
      </c>
      <c r="B32" s="106">
        <v>42557410389</v>
      </c>
      <c r="C32" s="106">
        <v>11751295042</v>
      </c>
      <c r="D32" s="106">
        <f t="shared" si="4"/>
        <v>30806115347</v>
      </c>
      <c r="E32" s="128">
        <f t="shared" si="5"/>
        <v>0.27612805700784387</v>
      </c>
    </row>
    <row r="33" spans="1:6" ht="16.5" x14ac:dyDescent="0.3">
      <c r="A33" s="92" t="s">
        <v>29</v>
      </c>
      <c r="B33" s="106">
        <v>37613422576</v>
      </c>
      <c r="C33" s="106">
        <v>11182282710</v>
      </c>
      <c r="D33" s="106">
        <f t="shared" si="4"/>
        <v>26431139866</v>
      </c>
      <c r="E33" s="128">
        <f t="shared" si="5"/>
        <v>0.29729500652075941</v>
      </c>
    </row>
    <row r="34" spans="1:6" ht="16.5" x14ac:dyDescent="0.3">
      <c r="A34" s="92" t="s">
        <v>30</v>
      </c>
      <c r="B34" s="106">
        <v>37085610499</v>
      </c>
      <c r="C34" s="106">
        <v>10682808876</v>
      </c>
      <c r="D34" s="106">
        <f t="shared" si="4"/>
        <v>26402801623</v>
      </c>
      <c r="E34" s="128">
        <f t="shared" si="5"/>
        <v>0.28805805627193487</v>
      </c>
    </row>
    <row r="35" spans="1:6" ht="16.5" x14ac:dyDescent="0.3">
      <c r="A35" s="92" t="s">
        <v>32</v>
      </c>
      <c r="B35" s="106">
        <v>27616432085</v>
      </c>
      <c r="C35" s="106">
        <v>7223946038</v>
      </c>
      <c r="D35" s="106">
        <f t="shared" si="4"/>
        <v>20392486047</v>
      </c>
      <c r="E35" s="128">
        <f t="shared" si="5"/>
        <v>0.26158143875231882</v>
      </c>
    </row>
    <row r="36" spans="1:6" ht="16.5" x14ac:dyDescent="0.3">
      <c r="A36" s="92" t="s">
        <v>112</v>
      </c>
      <c r="B36" s="106">
        <v>19111336981</v>
      </c>
      <c r="C36" s="106">
        <v>4778651538</v>
      </c>
      <c r="D36" s="106">
        <f t="shared" si="4"/>
        <v>14332685443</v>
      </c>
      <c r="E36" s="128">
        <f t="shared" si="5"/>
        <v>0.25004276481288634</v>
      </c>
    </row>
    <row r="37" spans="1:6" ht="16.5" x14ac:dyDescent="0.3">
      <c r="A37" s="92" t="s">
        <v>31</v>
      </c>
      <c r="B37" s="106">
        <v>23309272610</v>
      </c>
      <c r="C37" s="106">
        <v>6232204304</v>
      </c>
      <c r="D37" s="106">
        <f t="shared" si="4"/>
        <v>17077068306</v>
      </c>
      <c r="E37" s="128">
        <f t="shared" si="5"/>
        <v>0.26737017530638424</v>
      </c>
    </row>
    <row r="38" spans="1:6" s="2" customFormat="1" ht="16.5" x14ac:dyDescent="0.3">
      <c r="A38" s="89" t="s">
        <v>113</v>
      </c>
      <c r="B38" s="90">
        <f>SUM(B39)</f>
        <v>1040255121</v>
      </c>
      <c r="C38" s="90">
        <f>SUM(C39)</f>
        <v>847879479</v>
      </c>
      <c r="D38" s="90">
        <f>SUM(D39)</f>
        <v>192375642</v>
      </c>
      <c r="E38" s="127">
        <f t="shared" si="0"/>
        <v>0.81506878638091318</v>
      </c>
      <c r="F38" s="129"/>
    </row>
    <row r="39" spans="1:6" ht="16.5" x14ac:dyDescent="0.3">
      <c r="A39" s="92" t="s">
        <v>114</v>
      </c>
      <c r="B39" s="106">
        <v>1040255121</v>
      </c>
      <c r="C39" s="106">
        <v>847879479</v>
      </c>
      <c r="D39" s="106">
        <f t="shared" ref="D39" si="6">B39-C39</f>
        <v>192375642</v>
      </c>
      <c r="E39" s="128">
        <f t="shared" ref="E39" si="7">+C39/B39</f>
        <v>0.81506878638091318</v>
      </c>
    </row>
    <row r="40" spans="1:6" ht="19.5" customHeight="1" x14ac:dyDescent="0.3">
      <c r="A40" s="94" t="s">
        <v>115</v>
      </c>
      <c r="B40" s="95">
        <f>SUM(B9,B18,B38)</f>
        <v>1916652520343</v>
      </c>
      <c r="C40" s="95">
        <f>SUM(C9,C18,C38)</f>
        <v>523459319107</v>
      </c>
      <c r="D40" s="95">
        <f>SUM(D9,D18,D38)</f>
        <v>1393193201236</v>
      </c>
      <c r="E40" s="130">
        <f t="shared" si="0"/>
        <v>0.27311122571832835</v>
      </c>
      <c r="F40" s="44"/>
    </row>
    <row r="41" spans="1:6" x14ac:dyDescent="0.2">
      <c r="C41" s="91"/>
    </row>
    <row r="42" spans="1:6" x14ac:dyDescent="0.2">
      <c r="B42" s="10">
        <f>+'GRUPO DE GASTOS'!B14</f>
        <v>1916652520343</v>
      </c>
      <c r="C42" s="10">
        <f>+'GRUPO DE GASTOS'!C14</f>
        <v>523459319107</v>
      </c>
      <c r="D42" s="10">
        <f>+'GRUPO DE GASTOS'!D14</f>
        <v>1393193201236</v>
      </c>
      <c r="E42" s="12">
        <f>+'GRUPO DE GASTOS'!E14</f>
        <v>0.27311122571832835</v>
      </c>
    </row>
    <row r="43" spans="1:6" x14ac:dyDescent="0.2">
      <c r="B43" s="91">
        <f>+B42-B40</f>
        <v>0</v>
      </c>
      <c r="C43" s="91">
        <f>+C42-C40</f>
        <v>0</v>
      </c>
      <c r="D43" s="91">
        <f>+D42-D40</f>
        <v>0</v>
      </c>
      <c r="E43" s="91">
        <f>+E42-E40</f>
        <v>0</v>
      </c>
    </row>
    <row r="44" spans="1:6" x14ac:dyDescent="0.2">
      <c r="B44" s="118"/>
      <c r="C44" s="118"/>
      <c r="D44" s="118"/>
    </row>
  </sheetData>
  <mergeCells count="3">
    <mergeCell ref="A5:E5"/>
    <mergeCell ref="A6:E6"/>
    <mergeCell ref="A7:E7"/>
  </mergeCells>
  <conditionalFormatting sqref="E1:G3 E4 F4:G8">
    <cfRule type="cellIs" dxfId="44" priority="5" operator="lessThan">
      <formula>0</formula>
    </cfRule>
  </conditionalFormatting>
  <conditionalFormatting sqref="J1:J7">
    <cfRule type="cellIs" dxfId="43" priority="1" operator="greaterThan">
      <formula>0.2</formula>
    </cfRule>
    <cfRule type="cellIs" dxfId="42" priority="2" operator="greaterThan">
      <formula>0.2</formula>
    </cfRule>
    <cfRule type="cellIs" dxfId="41" priority="3" operator="greaterThan">
      <formula>0.1</formula>
    </cfRule>
    <cfRule type="cellIs" dxfId="40" priority="4" operator="greaterThan">
      <formula>0.1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J128"/>
  <sheetViews>
    <sheetView view="pageBreakPreview" topLeftCell="B55" zoomScale="90" zoomScaleNormal="85" zoomScaleSheetLayoutView="90" workbookViewId="0">
      <selection activeCell="A7" sqref="A7:I7"/>
    </sheetView>
  </sheetViews>
  <sheetFormatPr baseColWidth="10" defaultRowHeight="12.75" x14ac:dyDescent="0.2"/>
  <cols>
    <col min="1" max="1" width="10.42578125" style="198" customWidth="1"/>
    <col min="2" max="2" width="66.140625" style="198" bestFit="1" customWidth="1"/>
    <col min="3" max="3" width="22.140625" style="198" bestFit="1" customWidth="1"/>
    <col min="4" max="4" width="17.42578125" style="198" customWidth="1"/>
    <col min="5" max="5" width="20.5703125" style="198" bestFit="1" customWidth="1"/>
    <col min="6" max="6" width="19" style="198" customWidth="1"/>
    <col min="7" max="7" width="20.5703125" style="198" bestFit="1" customWidth="1"/>
    <col min="8" max="8" width="7.7109375" style="198" customWidth="1"/>
    <col min="9" max="9" width="7.85546875" style="198" customWidth="1"/>
    <col min="10" max="10" width="7.140625" style="166" customWidth="1"/>
    <col min="11" max="16384" width="11.42578125" style="198"/>
  </cols>
  <sheetData>
    <row r="1" spans="1:10" s="134" customFormat="1" x14ac:dyDescent="0.2">
      <c r="J1" s="163"/>
    </row>
    <row r="2" spans="1:10" s="134" customFormat="1" x14ac:dyDescent="0.2">
      <c r="J2" s="163"/>
    </row>
    <row r="3" spans="1:10" s="134" customFormat="1" ht="18" customHeight="1" x14ac:dyDescent="0.2">
      <c r="J3" s="163"/>
    </row>
    <row r="4" spans="1:10" s="134" customFormat="1" ht="13.5" customHeight="1" x14ac:dyDescent="0.2">
      <c r="A4" s="195" t="s">
        <v>70</v>
      </c>
      <c r="B4" s="136"/>
      <c r="C4" s="136"/>
      <c r="D4" s="136"/>
      <c r="E4" s="136"/>
      <c r="F4" s="136"/>
      <c r="G4" s="136"/>
      <c r="H4" s="136"/>
      <c r="J4" s="163"/>
    </row>
    <row r="5" spans="1:10" s="121" customFormat="1" ht="16.5" customHeight="1" x14ac:dyDescent="0.25">
      <c r="A5" s="240" t="s">
        <v>235</v>
      </c>
      <c r="B5" s="240"/>
      <c r="C5" s="240"/>
      <c r="D5" s="240"/>
      <c r="E5" s="240"/>
      <c r="F5" s="240"/>
      <c r="G5" s="240"/>
      <c r="H5" s="240"/>
      <c r="J5" s="164"/>
    </row>
    <row r="6" spans="1:10" s="121" customFormat="1" ht="15.75" x14ac:dyDescent="0.2">
      <c r="A6" s="241" t="s">
        <v>252</v>
      </c>
      <c r="B6" s="241"/>
      <c r="C6" s="241"/>
      <c r="D6" s="241"/>
      <c r="E6" s="241"/>
      <c r="F6" s="241"/>
      <c r="G6" s="241"/>
      <c r="H6" s="241"/>
      <c r="J6" s="164"/>
    </row>
    <row r="7" spans="1:10" s="196" customFormat="1" ht="13.5" customHeight="1" x14ac:dyDescent="0.2">
      <c r="A7" s="242" t="s">
        <v>253</v>
      </c>
      <c r="B7" s="242"/>
      <c r="C7" s="242"/>
      <c r="D7" s="242"/>
      <c r="E7" s="242"/>
      <c r="F7" s="242"/>
      <c r="G7" s="242"/>
      <c r="H7" s="242"/>
      <c r="J7" s="165"/>
    </row>
    <row r="8" spans="1:10" ht="31.5" x14ac:dyDescent="0.2">
      <c r="A8" s="197" t="s">
        <v>162</v>
      </c>
      <c r="B8" s="192" t="s">
        <v>5</v>
      </c>
      <c r="C8" s="192" t="s">
        <v>211</v>
      </c>
      <c r="D8" s="193" t="s">
        <v>220</v>
      </c>
      <c r="E8" s="192" t="s">
        <v>1</v>
      </c>
      <c r="F8" s="192" t="s">
        <v>2</v>
      </c>
      <c r="G8" s="192" t="s">
        <v>43</v>
      </c>
      <c r="H8" s="194" t="s">
        <v>6</v>
      </c>
    </row>
    <row r="9" spans="1:10" ht="18" customHeight="1" x14ac:dyDescent="0.2">
      <c r="A9" s="199">
        <v>100</v>
      </c>
      <c r="B9" s="200" t="s">
        <v>46</v>
      </c>
      <c r="C9" s="115">
        <f>SUM(C10:C22)</f>
        <v>1354869448639</v>
      </c>
      <c r="D9" s="115">
        <f>SUM(D10:D22)</f>
        <v>0</v>
      </c>
      <c r="E9" s="115">
        <f>SUM(E10:E22)</f>
        <v>1354869448639</v>
      </c>
      <c r="F9" s="115">
        <f>SUM(F10:F22)</f>
        <v>387945344808</v>
      </c>
      <c r="G9" s="115">
        <f>SUM(G10:G22)</f>
        <v>966924103831</v>
      </c>
      <c r="H9" s="148">
        <f t="shared" ref="H9:H72" si="0">+IF(E9=0,1,F9/E9)</f>
        <v>0.28633411521508639</v>
      </c>
    </row>
    <row r="10" spans="1:10" ht="18" customHeight="1" x14ac:dyDescent="0.2">
      <c r="A10" s="201">
        <v>111</v>
      </c>
      <c r="B10" s="202" t="s">
        <v>47</v>
      </c>
      <c r="C10" s="116">
        <v>956559798828</v>
      </c>
      <c r="D10" s="116">
        <v>0</v>
      </c>
      <c r="E10" s="116">
        <f>C10+D10</f>
        <v>956559798828</v>
      </c>
      <c r="F10" s="116">
        <v>296821688863</v>
      </c>
      <c r="G10" s="116">
        <f>E10-F10</f>
        <v>659738109965</v>
      </c>
      <c r="H10" s="138">
        <f t="shared" si="0"/>
        <v>0.31030123702320866</v>
      </c>
      <c r="I10" s="166"/>
    </row>
    <row r="11" spans="1:10" ht="18" customHeight="1" x14ac:dyDescent="0.2">
      <c r="A11" s="203">
        <v>113</v>
      </c>
      <c r="B11" s="204" t="s">
        <v>48</v>
      </c>
      <c r="C11" s="117">
        <v>55953481200</v>
      </c>
      <c r="D11" s="117">
        <v>0</v>
      </c>
      <c r="E11" s="117">
        <f t="shared" ref="E11:E22" si="1">C11+D11</f>
        <v>55953481200</v>
      </c>
      <c r="F11" s="117">
        <v>16366197900</v>
      </c>
      <c r="G11" s="117">
        <f t="shared" ref="G11:G22" si="2">E11-F11</f>
        <v>39587283300</v>
      </c>
      <c r="H11" s="122">
        <f t="shared" si="0"/>
        <v>0.29249650868907867</v>
      </c>
      <c r="I11" s="166"/>
    </row>
    <row r="12" spans="1:10" ht="18" customHeight="1" x14ac:dyDescent="0.2">
      <c r="A12" s="203">
        <v>114</v>
      </c>
      <c r="B12" s="204" t="s">
        <v>49</v>
      </c>
      <c r="C12" s="117">
        <v>84376106669</v>
      </c>
      <c r="D12" s="117">
        <v>0</v>
      </c>
      <c r="E12" s="117">
        <f t="shared" si="1"/>
        <v>84376106669</v>
      </c>
      <c r="F12" s="117">
        <v>0</v>
      </c>
      <c r="G12" s="117">
        <f t="shared" si="2"/>
        <v>84376106669</v>
      </c>
      <c r="H12" s="122">
        <f t="shared" si="0"/>
        <v>0</v>
      </c>
      <c r="I12" s="166"/>
    </row>
    <row r="13" spans="1:10" ht="18" customHeight="1" x14ac:dyDescent="0.2">
      <c r="A13" s="203">
        <v>122</v>
      </c>
      <c r="B13" s="204" t="s">
        <v>50</v>
      </c>
      <c r="C13" s="117">
        <v>220000000</v>
      </c>
      <c r="D13" s="117">
        <v>702000000</v>
      </c>
      <c r="E13" s="117">
        <f t="shared" si="1"/>
        <v>922000000</v>
      </c>
      <c r="F13" s="117">
        <v>253200000</v>
      </c>
      <c r="G13" s="117">
        <f t="shared" si="2"/>
        <v>668800000</v>
      </c>
      <c r="H13" s="122">
        <f t="shared" si="0"/>
        <v>0.27462039045553144</v>
      </c>
      <c r="I13" s="166"/>
    </row>
    <row r="14" spans="1:10" ht="18" customHeight="1" x14ac:dyDescent="0.2">
      <c r="A14" s="203">
        <v>123</v>
      </c>
      <c r="B14" s="204" t="s">
        <v>51</v>
      </c>
      <c r="C14" s="117">
        <v>22740386753</v>
      </c>
      <c r="D14" s="117">
        <v>0</v>
      </c>
      <c r="E14" s="117">
        <f t="shared" si="1"/>
        <v>22740386753</v>
      </c>
      <c r="F14" s="117">
        <v>5137875028</v>
      </c>
      <c r="G14" s="117">
        <f t="shared" si="2"/>
        <v>17602511725</v>
      </c>
      <c r="H14" s="122">
        <f t="shared" si="0"/>
        <v>0.22593613221297529</v>
      </c>
      <c r="I14" s="166"/>
    </row>
    <row r="15" spans="1:10" ht="18" customHeight="1" x14ac:dyDescent="0.2">
      <c r="A15" s="203">
        <v>125</v>
      </c>
      <c r="B15" s="204" t="s">
        <v>244</v>
      </c>
      <c r="C15" s="117">
        <v>814905000</v>
      </c>
      <c r="D15" s="117"/>
      <c r="E15" s="117">
        <f t="shared" si="1"/>
        <v>814905000</v>
      </c>
      <c r="F15" s="117">
        <v>0</v>
      </c>
      <c r="G15" s="117">
        <f t="shared" si="2"/>
        <v>814905000</v>
      </c>
      <c r="H15" s="122">
        <f t="shared" si="0"/>
        <v>0</v>
      </c>
      <c r="I15" s="166"/>
    </row>
    <row r="16" spans="1:10" ht="18" customHeight="1" x14ac:dyDescent="0.2">
      <c r="A16" s="203">
        <v>131</v>
      </c>
      <c r="B16" s="204" t="s">
        <v>52</v>
      </c>
      <c r="C16" s="117">
        <v>3786956208</v>
      </c>
      <c r="D16" s="117">
        <v>0</v>
      </c>
      <c r="E16" s="117">
        <f t="shared" si="1"/>
        <v>3786956208</v>
      </c>
      <c r="F16" s="117">
        <v>74000000</v>
      </c>
      <c r="G16" s="117">
        <f t="shared" si="2"/>
        <v>3712956208</v>
      </c>
      <c r="H16" s="122">
        <f t="shared" si="0"/>
        <v>1.9540759368612166E-2</v>
      </c>
      <c r="I16" s="166"/>
    </row>
    <row r="17" spans="1:9" ht="18" customHeight="1" x14ac:dyDescent="0.2">
      <c r="A17" s="203">
        <v>133</v>
      </c>
      <c r="B17" s="204" t="s">
        <v>163</v>
      </c>
      <c r="C17" s="117">
        <v>169484110636</v>
      </c>
      <c r="D17" s="117">
        <v>-3675290670</v>
      </c>
      <c r="E17" s="117">
        <f t="shared" si="1"/>
        <v>165808819966</v>
      </c>
      <c r="F17" s="117">
        <v>53569401025</v>
      </c>
      <c r="G17" s="117">
        <f t="shared" si="2"/>
        <v>112239418941</v>
      </c>
      <c r="H17" s="122">
        <f t="shared" si="0"/>
        <v>0.32307932132913497</v>
      </c>
      <c r="I17" s="166"/>
    </row>
    <row r="18" spans="1:9" ht="18" customHeight="1" x14ac:dyDescent="0.2">
      <c r="A18" s="203">
        <v>137</v>
      </c>
      <c r="B18" s="204" t="s">
        <v>116</v>
      </c>
      <c r="C18" s="117">
        <v>5636444000</v>
      </c>
      <c r="D18" s="117">
        <v>3486638500</v>
      </c>
      <c r="E18" s="117">
        <f t="shared" si="1"/>
        <v>9123082500</v>
      </c>
      <c r="F18" s="117">
        <v>2298672769</v>
      </c>
      <c r="G18" s="117">
        <f t="shared" si="2"/>
        <v>6824409731</v>
      </c>
      <c r="H18" s="122">
        <f t="shared" si="0"/>
        <v>0.25196229114446789</v>
      </c>
      <c r="I18" s="166"/>
    </row>
    <row r="19" spans="1:9" ht="18" customHeight="1" x14ac:dyDescent="0.2">
      <c r="A19" s="203">
        <v>142</v>
      </c>
      <c r="B19" s="204" t="s">
        <v>53</v>
      </c>
      <c r="C19" s="117">
        <v>360607624</v>
      </c>
      <c r="D19" s="117">
        <v>0</v>
      </c>
      <c r="E19" s="117">
        <f t="shared" si="1"/>
        <v>360607624</v>
      </c>
      <c r="F19" s="117">
        <v>103156192</v>
      </c>
      <c r="G19" s="117">
        <f t="shared" si="2"/>
        <v>257451432</v>
      </c>
      <c r="H19" s="122">
        <f t="shared" si="0"/>
        <v>0.28606214936820085</v>
      </c>
      <c r="I19" s="166"/>
    </row>
    <row r="20" spans="1:9" ht="18" customHeight="1" x14ac:dyDescent="0.2">
      <c r="A20" s="203">
        <v>144</v>
      </c>
      <c r="B20" s="204" t="s">
        <v>54</v>
      </c>
      <c r="C20" s="117">
        <v>26955330990</v>
      </c>
      <c r="D20" s="117">
        <v>3090999752</v>
      </c>
      <c r="E20" s="117">
        <f t="shared" si="1"/>
        <v>30046330742</v>
      </c>
      <c r="F20" s="117">
        <v>8281195935</v>
      </c>
      <c r="G20" s="117">
        <f t="shared" si="2"/>
        <v>21765134807</v>
      </c>
      <c r="H20" s="122">
        <f t="shared" si="0"/>
        <v>0.27561421745997766</v>
      </c>
      <c r="I20" s="166"/>
    </row>
    <row r="21" spans="1:9" ht="18" customHeight="1" x14ac:dyDescent="0.2">
      <c r="A21" s="203">
        <v>145</v>
      </c>
      <c r="B21" s="204" t="s">
        <v>62</v>
      </c>
      <c r="C21" s="117">
        <v>18897071821</v>
      </c>
      <c r="D21" s="117">
        <v>-604347582</v>
      </c>
      <c r="E21" s="117">
        <f t="shared" si="1"/>
        <v>18292724239</v>
      </c>
      <c r="F21" s="117">
        <v>3844995278</v>
      </c>
      <c r="G21" s="117">
        <f t="shared" si="2"/>
        <v>14447728961</v>
      </c>
      <c r="H21" s="122">
        <f t="shared" si="0"/>
        <v>0.21019260049864463</v>
      </c>
      <c r="I21" s="166"/>
    </row>
    <row r="22" spans="1:9" ht="18" customHeight="1" x14ac:dyDescent="0.2">
      <c r="A22" s="203">
        <v>199</v>
      </c>
      <c r="B22" s="205" t="s">
        <v>55</v>
      </c>
      <c r="C22" s="150">
        <v>9084248910</v>
      </c>
      <c r="D22" s="150">
        <v>-3000000000</v>
      </c>
      <c r="E22" s="150">
        <f t="shared" si="1"/>
        <v>6084248910</v>
      </c>
      <c r="F22" s="150">
        <v>1194961818</v>
      </c>
      <c r="G22" s="150">
        <f t="shared" si="2"/>
        <v>4889287092</v>
      </c>
      <c r="H22" s="122">
        <f t="shared" si="0"/>
        <v>0.19640251996199148</v>
      </c>
      <c r="I22" s="166"/>
    </row>
    <row r="23" spans="1:9" ht="18" customHeight="1" x14ac:dyDescent="0.2">
      <c r="A23" s="206">
        <v>200</v>
      </c>
      <c r="B23" s="207" t="s">
        <v>56</v>
      </c>
      <c r="C23" s="115">
        <f>SUM(C24:C56)</f>
        <v>334176959766</v>
      </c>
      <c r="D23" s="115">
        <f>SUM(D24:D56)</f>
        <v>5433423</v>
      </c>
      <c r="E23" s="115">
        <f>SUM(E24:E56)</f>
        <v>334182393189</v>
      </c>
      <c r="F23" s="115">
        <f>SUM(F24:F56)</f>
        <v>96542956187</v>
      </c>
      <c r="G23" s="115">
        <f>SUM(G24:G56)</f>
        <v>237639437002</v>
      </c>
      <c r="H23" s="148">
        <f t="shared" si="0"/>
        <v>0.28889300619856184</v>
      </c>
      <c r="I23" s="148"/>
    </row>
    <row r="24" spans="1:9" ht="18" customHeight="1" x14ac:dyDescent="0.2">
      <c r="A24" s="201">
        <v>211</v>
      </c>
      <c r="B24" s="202" t="s">
        <v>121</v>
      </c>
      <c r="C24" s="116">
        <v>16462812900</v>
      </c>
      <c r="D24" s="117">
        <v>-20000000</v>
      </c>
      <c r="E24" s="117">
        <f t="shared" ref="E24:E56" si="3">C24+D24</f>
        <v>16442812900</v>
      </c>
      <c r="F24" s="117">
        <v>4892436600</v>
      </c>
      <c r="G24" s="117">
        <f t="shared" ref="G24:G56" si="4">E24-F24</f>
        <v>11550376300</v>
      </c>
      <c r="H24" s="124">
        <f t="shared" si="0"/>
        <v>0.29754255733214602</v>
      </c>
      <c r="I24" s="166"/>
    </row>
    <row r="25" spans="1:9" ht="18" customHeight="1" x14ac:dyDescent="0.2">
      <c r="A25" s="203">
        <v>212</v>
      </c>
      <c r="B25" s="204" t="s">
        <v>122</v>
      </c>
      <c r="C25" s="117">
        <v>1615144872</v>
      </c>
      <c r="D25" s="117">
        <v>10000000</v>
      </c>
      <c r="E25" s="117">
        <f t="shared" si="3"/>
        <v>1625144872</v>
      </c>
      <c r="F25" s="117">
        <v>437977809</v>
      </c>
      <c r="G25" s="117">
        <f t="shared" si="4"/>
        <v>1187167063</v>
      </c>
      <c r="H25" s="122">
        <f t="shared" si="0"/>
        <v>0.26950077900501168</v>
      </c>
      <c r="I25" s="166"/>
    </row>
    <row r="26" spans="1:9" ht="18" customHeight="1" x14ac:dyDescent="0.2">
      <c r="A26" s="203">
        <v>214</v>
      </c>
      <c r="B26" s="204" t="s">
        <v>164</v>
      </c>
      <c r="C26" s="117">
        <v>2150907451</v>
      </c>
      <c r="D26" s="117">
        <v>10000000</v>
      </c>
      <c r="E26" s="117">
        <f t="shared" si="3"/>
        <v>2160907451</v>
      </c>
      <c r="F26" s="117">
        <v>458575750</v>
      </c>
      <c r="G26" s="117">
        <f t="shared" si="4"/>
        <v>1702331701</v>
      </c>
      <c r="H26" s="122">
        <f t="shared" si="0"/>
        <v>0.21221443324089867</v>
      </c>
      <c r="I26" s="166"/>
    </row>
    <row r="27" spans="1:9" ht="18" customHeight="1" x14ac:dyDescent="0.2">
      <c r="A27" s="203">
        <v>215</v>
      </c>
      <c r="B27" s="204" t="s">
        <v>165</v>
      </c>
      <c r="C27" s="117">
        <v>444163500</v>
      </c>
      <c r="D27" s="117">
        <v>0</v>
      </c>
      <c r="E27" s="117">
        <f t="shared" si="3"/>
        <v>444163500</v>
      </c>
      <c r="F27" s="117">
        <v>19728000</v>
      </c>
      <c r="G27" s="117">
        <f t="shared" si="4"/>
        <v>424435500</v>
      </c>
      <c r="H27" s="122">
        <f t="shared" si="0"/>
        <v>4.4416076512365378E-2</v>
      </c>
      <c r="I27" s="166"/>
    </row>
    <row r="28" spans="1:9" ht="18" customHeight="1" x14ac:dyDescent="0.2">
      <c r="A28" s="203">
        <v>221</v>
      </c>
      <c r="B28" s="204" t="s">
        <v>123</v>
      </c>
      <c r="C28" s="117">
        <v>937004112</v>
      </c>
      <c r="D28" s="117">
        <v>9502940</v>
      </c>
      <c r="E28" s="117">
        <f t="shared" si="3"/>
        <v>946507052</v>
      </c>
      <c r="F28" s="117">
        <v>343615341</v>
      </c>
      <c r="G28" s="117">
        <f t="shared" si="4"/>
        <v>602891711</v>
      </c>
      <c r="H28" s="122">
        <f t="shared" si="0"/>
        <v>0.36303516204546987</v>
      </c>
      <c r="I28" s="166"/>
    </row>
    <row r="29" spans="1:9" ht="18" customHeight="1" x14ac:dyDescent="0.2">
      <c r="A29" s="203">
        <v>222</v>
      </c>
      <c r="B29" s="204" t="s">
        <v>124</v>
      </c>
      <c r="C29" s="117">
        <v>2153356802</v>
      </c>
      <c r="D29" s="117">
        <v>0</v>
      </c>
      <c r="E29" s="117">
        <f t="shared" si="3"/>
        <v>2153356802</v>
      </c>
      <c r="F29" s="117">
        <v>1177365430</v>
      </c>
      <c r="G29" s="117">
        <f t="shared" si="4"/>
        <v>975991372</v>
      </c>
      <c r="H29" s="122">
        <f t="shared" si="0"/>
        <v>0.54675817259196602</v>
      </c>
      <c r="I29" s="166"/>
    </row>
    <row r="30" spans="1:9" ht="18" customHeight="1" x14ac:dyDescent="0.2">
      <c r="A30" s="203">
        <v>223</v>
      </c>
      <c r="B30" s="204" t="s">
        <v>125</v>
      </c>
      <c r="C30" s="117">
        <v>403385400</v>
      </c>
      <c r="D30" s="117">
        <v>0</v>
      </c>
      <c r="E30" s="117">
        <f t="shared" si="3"/>
        <v>403385400</v>
      </c>
      <c r="F30" s="117">
        <v>112230000</v>
      </c>
      <c r="G30" s="117">
        <f t="shared" si="4"/>
        <v>291155400</v>
      </c>
      <c r="H30" s="122">
        <f t="shared" si="0"/>
        <v>0.27822028263789417</v>
      </c>
      <c r="I30" s="166"/>
    </row>
    <row r="31" spans="1:9" ht="18" customHeight="1" x14ac:dyDescent="0.2">
      <c r="A31" s="203">
        <v>231</v>
      </c>
      <c r="B31" s="204" t="s">
        <v>126</v>
      </c>
      <c r="C31" s="117">
        <v>658350000</v>
      </c>
      <c r="D31" s="117">
        <v>-19800000</v>
      </c>
      <c r="E31" s="117">
        <f t="shared" si="3"/>
        <v>638550000</v>
      </c>
      <c r="F31" s="117">
        <v>184291302</v>
      </c>
      <c r="G31" s="117">
        <f t="shared" si="4"/>
        <v>454258698</v>
      </c>
      <c r="H31" s="122">
        <f t="shared" si="0"/>
        <v>0.28860903922950437</v>
      </c>
      <c r="I31" s="166"/>
    </row>
    <row r="32" spans="1:9" ht="18" customHeight="1" x14ac:dyDescent="0.2">
      <c r="A32" s="203">
        <v>232</v>
      </c>
      <c r="B32" s="204" t="s">
        <v>216</v>
      </c>
      <c r="C32" s="117">
        <v>5548349106</v>
      </c>
      <c r="D32" s="117">
        <v>-53833925</v>
      </c>
      <c r="E32" s="117">
        <f t="shared" si="3"/>
        <v>5494515181</v>
      </c>
      <c r="F32" s="117">
        <v>891697671</v>
      </c>
      <c r="G32" s="117">
        <f t="shared" si="4"/>
        <v>4602817510</v>
      </c>
      <c r="H32" s="122">
        <f t="shared" si="0"/>
        <v>0.16228869001645224</v>
      </c>
      <c r="I32" s="166"/>
    </row>
    <row r="33" spans="1:9" ht="18" customHeight="1" x14ac:dyDescent="0.2">
      <c r="A33" s="203">
        <v>239</v>
      </c>
      <c r="B33" s="204" t="s">
        <v>166</v>
      </c>
      <c r="C33" s="117">
        <v>22473000</v>
      </c>
      <c r="D33" s="117">
        <v>-18513000</v>
      </c>
      <c r="E33" s="117">
        <f t="shared" si="3"/>
        <v>3960000</v>
      </c>
      <c r="F33" s="117">
        <v>75000</v>
      </c>
      <c r="G33" s="117">
        <f t="shared" si="4"/>
        <v>3885000</v>
      </c>
      <c r="H33" s="122">
        <f t="shared" si="0"/>
        <v>1.893939393939394E-2</v>
      </c>
      <c r="I33" s="166"/>
    </row>
    <row r="34" spans="1:9" ht="18" customHeight="1" x14ac:dyDescent="0.2">
      <c r="A34" s="203">
        <v>242</v>
      </c>
      <c r="B34" s="204" t="s">
        <v>127</v>
      </c>
      <c r="C34" s="117">
        <v>16919963894</v>
      </c>
      <c r="D34" s="117">
        <v>-135403263</v>
      </c>
      <c r="E34" s="117">
        <f t="shared" si="3"/>
        <v>16784560631</v>
      </c>
      <c r="F34" s="117">
        <v>4997660895</v>
      </c>
      <c r="G34" s="117">
        <f t="shared" si="4"/>
        <v>11786899736</v>
      </c>
      <c r="H34" s="122">
        <f t="shared" si="0"/>
        <v>0.29775345359768568</v>
      </c>
      <c r="I34" s="166"/>
    </row>
    <row r="35" spans="1:9" ht="18" customHeight="1" x14ac:dyDescent="0.2">
      <c r="A35" s="203">
        <v>243</v>
      </c>
      <c r="B35" s="204" t="s">
        <v>167</v>
      </c>
      <c r="C35" s="117">
        <v>5124571027</v>
      </c>
      <c r="D35" s="117">
        <v>-300003579</v>
      </c>
      <c r="E35" s="117">
        <f t="shared" si="3"/>
        <v>4824567448</v>
      </c>
      <c r="F35" s="117">
        <v>1118435987</v>
      </c>
      <c r="G35" s="117">
        <f t="shared" si="4"/>
        <v>3706131461</v>
      </c>
      <c r="H35" s="122">
        <f t="shared" si="0"/>
        <v>0.23182098686663444</v>
      </c>
      <c r="I35" s="166"/>
    </row>
    <row r="36" spans="1:9" ht="18" customHeight="1" x14ac:dyDescent="0.2">
      <c r="A36" s="203">
        <v>244</v>
      </c>
      <c r="B36" s="204" t="s">
        <v>168</v>
      </c>
      <c r="C36" s="117">
        <v>2920927017</v>
      </c>
      <c r="D36" s="117">
        <v>109602535</v>
      </c>
      <c r="E36" s="117">
        <f t="shared" si="3"/>
        <v>3030529552</v>
      </c>
      <c r="F36" s="117">
        <v>837414261</v>
      </c>
      <c r="G36" s="117">
        <f t="shared" si="4"/>
        <v>2193115291</v>
      </c>
      <c r="H36" s="122">
        <f t="shared" si="0"/>
        <v>0.27632605016088618</v>
      </c>
      <c r="I36" s="166"/>
    </row>
    <row r="37" spans="1:9" ht="18" customHeight="1" x14ac:dyDescent="0.2">
      <c r="A37" s="203">
        <v>245</v>
      </c>
      <c r="B37" s="204" t="s">
        <v>128</v>
      </c>
      <c r="C37" s="117">
        <v>29150948929</v>
      </c>
      <c r="D37" s="117">
        <v>18740410</v>
      </c>
      <c r="E37" s="117">
        <f t="shared" si="3"/>
        <v>29169689339</v>
      </c>
      <c r="F37" s="117">
        <v>12676457490</v>
      </c>
      <c r="G37" s="117">
        <f t="shared" si="4"/>
        <v>16493231849</v>
      </c>
      <c r="H37" s="122">
        <f t="shared" si="0"/>
        <v>0.4345763625617885</v>
      </c>
      <c r="I37" s="166"/>
    </row>
    <row r="38" spans="1:9" ht="18" customHeight="1" x14ac:dyDescent="0.2">
      <c r="A38" s="203">
        <v>246</v>
      </c>
      <c r="B38" s="204" t="s">
        <v>129</v>
      </c>
      <c r="C38" s="117">
        <v>7104016903</v>
      </c>
      <c r="D38" s="117">
        <v>340113883</v>
      </c>
      <c r="E38" s="117">
        <f t="shared" si="3"/>
        <v>7444130786</v>
      </c>
      <c r="F38" s="117">
        <v>2017433328</v>
      </c>
      <c r="G38" s="117">
        <f t="shared" si="4"/>
        <v>5426697458</v>
      </c>
      <c r="H38" s="122">
        <f t="shared" si="0"/>
        <v>0.27100992526812384</v>
      </c>
      <c r="I38" s="166"/>
    </row>
    <row r="39" spans="1:9" ht="18" customHeight="1" x14ac:dyDescent="0.2">
      <c r="A39" s="203">
        <v>251</v>
      </c>
      <c r="B39" s="204" t="s">
        <v>130</v>
      </c>
      <c r="C39" s="117">
        <v>16647064931</v>
      </c>
      <c r="D39" s="117">
        <v>287940004</v>
      </c>
      <c r="E39" s="117">
        <f t="shared" si="3"/>
        <v>16935004935</v>
      </c>
      <c r="F39" s="117">
        <v>6168198646</v>
      </c>
      <c r="G39" s="117">
        <f t="shared" si="4"/>
        <v>10766806289</v>
      </c>
      <c r="H39" s="122">
        <f t="shared" si="0"/>
        <v>0.36422774423006093</v>
      </c>
      <c r="I39" s="166"/>
    </row>
    <row r="40" spans="1:9" ht="18" customHeight="1" x14ac:dyDescent="0.2">
      <c r="A40" s="203">
        <v>252</v>
      </c>
      <c r="B40" s="204" t="s">
        <v>210</v>
      </c>
      <c r="C40" s="117">
        <v>282744000</v>
      </c>
      <c r="D40" s="117">
        <v>-81000000</v>
      </c>
      <c r="E40" s="117">
        <f t="shared" si="3"/>
        <v>201744000</v>
      </c>
      <c r="F40" s="117">
        <v>65190000</v>
      </c>
      <c r="G40" s="117">
        <f t="shared" si="4"/>
        <v>136554000</v>
      </c>
      <c r="H40" s="122">
        <f t="shared" si="0"/>
        <v>0.32313228646205089</v>
      </c>
      <c r="I40" s="166"/>
    </row>
    <row r="41" spans="1:9" ht="18" customHeight="1" x14ac:dyDescent="0.2">
      <c r="A41" s="203">
        <v>253</v>
      </c>
      <c r="B41" s="204" t="s">
        <v>188</v>
      </c>
      <c r="C41" s="117">
        <v>2512717218</v>
      </c>
      <c r="D41" s="117">
        <v>0</v>
      </c>
      <c r="E41" s="117">
        <f t="shared" si="3"/>
        <v>2512717218</v>
      </c>
      <c r="F41" s="117">
        <v>1485000000</v>
      </c>
      <c r="G41" s="117">
        <f t="shared" si="4"/>
        <v>1027717218</v>
      </c>
      <c r="H41" s="122">
        <f t="shared" si="0"/>
        <v>0.59099368180474654</v>
      </c>
      <c r="I41" s="166"/>
    </row>
    <row r="42" spans="1:9" ht="18" customHeight="1" x14ac:dyDescent="0.2">
      <c r="A42" s="203">
        <v>261</v>
      </c>
      <c r="B42" s="204" t="s">
        <v>169</v>
      </c>
      <c r="C42" s="117">
        <v>10594508144</v>
      </c>
      <c r="D42" s="117">
        <v>8211886</v>
      </c>
      <c r="E42" s="117">
        <f t="shared" si="3"/>
        <v>10602720030</v>
      </c>
      <c r="F42" s="117">
        <v>2896922364</v>
      </c>
      <c r="G42" s="117">
        <f t="shared" si="4"/>
        <v>7705797666</v>
      </c>
      <c r="H42" s="122">
        <f t="shared" si="0"/>
        <v>0.27322445144295676</v>
      </c>
      <c r="I42" s="166"/>
    </row>
    <row r="43" spans="1:9" ht="18" customHeight="1" x14ac:dyDescent="0.2">
      <c r="A43" s="203">
        <v>262</v>
      </c>
      <c r="B43" s="204" t="s">
        <v>131</v>
      </c>
      <c r="C43" s="117">
        <v>9333354631</v>
      </c>
      <c r="D43" s="117">
        <v>-5000000</v>
      </c>
      <c r="E43" s="117">
        <f t="shared" si="3"/>
        <v>9328354631</v>
      </c>
      <c r="F43" s="117">
        <v>3817199793</v>
      </c>
      <c r="G43" s="117">
        <f t="shared" si="4"/>
        <v>5511154838</v>
      </c>
      <c r="H43" s="122">
        <f t="shared" si="0"/>
        <v>0.40920397476256709</v>
      </c>
      <c r="I43" s="166"/>
    </row>
    <row r="44" spans="1:9" ht="18" customHeight="1" x14ac:dyDescent="0.2">
      <c r="A44" s="203">
        <v>263</v>
      </c>
      <c r="B44" s="204" t="s">
        <v>132</v>
      </c>
      <c r="C44" s="117">
        <v>462564716</v>
      </c>
      <c r="D44" s="117">
        <v>-13879316</v>
      </c>
      <c r="E44" s="117">
        <f t="shared" si="3"/>
        <v>448685400</v>
      </c>
      <c r="F44" s="117">
        <v>3921500</v>
      </c>
      <c r="G44" s="117">
        <f t="shared" si="4"/>
        <v>444763900</v>
      </c>
      <c r="H44" s="122">
        <f t="shared" si="0"/>
        <v>8.7399768300907496E-3</v>
      </c>
      <c r="I44" s="166"/>
    </row>
    <row r="45" spans="1:9" ht="18" customHeight="1" x14ac:dyDescent="0.2">
      <c r="A45" s="203">
        <v>264</v>
      </c>
      <c r="B45" s="204" t="s">
        <v>182</v>
      </c>
      <c r="C45" s="117">
        <v>17902627842</v>
      </c>
      <c r="D45" s="117">
        <v>0</v>
      </c>
      <c r="E45" s="117">
        <f t="shared" si="3"/>
        <v>17902627842</v>
      </c>
      <c r="F45" s="117">
        <v>9373629388</v>
      </c>
      <c r="G45" s="117">
        <f t="shared" si="4"/>
        <v>8528998454</v>
      </c>
      <c r="H45" s="122">
        <f t="shared" si="0"/>
        <v>0.52358957973807829</v>
      </c>
      <c r="I45" s="166"/>
    </row>
    <row r="46" spans="1:9" ht="18" customHeight="1" x14ac:dyDescent="0.2">
      <c r="A46" s="203">
        <v>265</v>
      </c>
      <c r="B46" s="204" t="s">
        <v>133</v>
      </c>
      <c r="C46" s="117">
        <v>214979678</v>
      </c>
      <c r="D46" s="117">
        <v>-2000000</v>
      </c>
      <c r="E46" s="117">
        <f t="shared" si="3"/>
        <v>212979678</v>
      </c>
      <c r="F46" s="117">
        <v>115935167</v>
      </c>
      <c r="G46" s="117">
        <f t="shared" si="4"/>
        <v>97044511</v>
      </c>
      <c r="H46" s="122">
        <f t="shared" si="0"/>
        <v>0.54434849413191433</v>
      </c>
      <c r="I46" s="166"/>
    </row>
    <row r="47" spans="1:9" ht="18" customHeight="1" x14ac:dyDescent="0.2">
      <c r="A47" s="203">
        <v>266</v>
      </c>
      <c r="B47" s="204" t="s">
        <v>170</v>
      </c>
      <c r="C47" s="117">
        <v>7254894869</v>
      </c>
      <c r="D47" s="117">
        <v>0</v>
      </c>
      <c r="E47" s="117">
        <f t="shared" si="3"/>
        <v>7254894869</v>
      </c>
      <c r="F47" s="117">
        <v>243000000</v>
      </c>
      <c r="G47" s="117">
        <f t="shared" si="4"/>
        <v>7011894869</v>
      </c>
      <c r="H47" s="122">
        <f t="shared" si="0"/>
        <v>3.3494627336135972E-2</v>
      </c>
      <c r="I47" s="166"/>
    </row>
    <row r="48" spans="1:9" ht="18" customHeight="1" x14ac:dyDescent="0.2">
      <c r="A48" s="203">
        <v>268</v>
      </c>
      <c r="B48" s="204" t="s">
        <v>134</v>
      </c>
      <c r="C48" s="117">
        <v>3528582552</v>
      </c>
      <c r="D48" s="117">
        <v>131714729</v>
      </c>
      <c r="E48" s="117">
        <f t="shared" si="3"/>
        <v>3660297281</v>
      </c>
      <c r="F48" s="117">
        <v>1462674148</v>
      </c>
      <c r="G48" s="117">
        <f t="shared" si="4"/>
        <v>2197623133</v>
      </c>
      <c r="H48" s="122">
        <f t="shared" si="0"/>
        <v>0.39960528768865317</v>
      </c>
      <c r="I48" s="166"/>
    </row>
    <row r="49" spans="1:9" ht="18" customHeight="1" x14ac:dyDescent="0.2">
      <c r="A49" s="203">
        <v>269</v>
      </c>
      <c r="B49" s="204" t="s">
        <v>199</v>
      </c>
      <c r="C49" s="117">
        <v>1881000</v>
      </c>
      <c r="D49" s="117">
        <v>6000000</v>
      </c>
      <c r="E49" s="117">
        <f t="shared" si="3"/>
        <v>7881000</v>
      </c>
      <c r="F49" s="117">
        <v>1561304</v>
      </c>
      <c r="G49" s="117">
        <f t="shared" si="4"/>
        <v>6319696</v>
      </c>
      <c r="H49" s="122">
        <f t="shared" si="0"/>
        <v>0.19810988453241973</v>
      </c>
      <c r="I49" s="166"/>
    </row>
    <row r="50" spans="1:9" ht="18" customHeight="1" x14ac:dyDescent="0.2">
      <c r="A50" s="203">
        <v>271</v>
      </c>
      <c r="B50" s="204" t="s">
        <v>189</v>
      </c>
      <c r="C50" s="117">
        <v>171794365723</v>
      </c>
      <c r="D50" s="117">
        <v>0</v>
      </c>
      <c r="E50" s="117">
        <f t="shared" si="3"/>
        <v>171794365723</v>
      </c>
      <c r="F50" s="117">
        <v>40355000000</v>
      </c>
      <c r="G50" s="117">
        <f t="shared" si="4"/>
        <v>131439365723</v>
      </c>
      <c r="H50" s="122">
        <f t="shared" si="0"/>
        <v>0.23490293078102523</v>
      </c>
      <c r="I50" s="166"/>
    </row>
    <row r="51" spans="1:9" ht="18" customHeight="1" x14ac:dyDescent="0.2">
      <c r="A51" s="203">
        <v>281</v>
      </c>
      <c r="B51" s="204" t="s">
        <v>135</v>
      </c>
      <c r="C51" s="117">
        <v>143847000</v>
      </c>
      <c r="D51" s="117">
        <v>3000000</v>
      </c>
      <c r="E51" s="117">
        <f t="shared" si="3"/>
        <v>146847000</v>
      </c>
      <c r="F51" s="117">
        <v>59184003</v>
      </c>
      <c r="G51" s="117">
        <f t="shared" si="4"/>
        <v>87662997</v>
      </c>
      <c r="H51" s="122">
        <f t="shared" si="0"/>
        <v>0.4030317473288525</v>
      </c>
      <c r="I51" s="166"/>
    </row>
    <row r="52" spans="1:9" ht="18" customHeight="1" x14ac:dyDescent="0.2">
      <c r="A52" s="203">
        <v>282</v>
      </c>
      <c r="B52" s="204" t="s">
        <v>136</v>
      </c>
      <c r="C52" s="117">
        <v>1032471000</v>
      </c>
      <c r="D52" s="117">
        <v>-178143516</v>
      </c>
      <c r="E52" s="117">
        <f t="shared" si="3"/>
        <v>854327484</v>
      </c>
      <c r="F52" s="117">
        <v>84700000</v>
      </c>
      <c r="G52" s="117">
        <f t="shared" si="4"/>
        <v>769627484</v>
      </c>
      <c r="H52" s="122">
        <f t="shared" si="0"/>
        <v>9.9142309695376726E-2</v>
      </c>
      <c r="I52" s="166"/>
    </row>
    <row r="53" spans="1:9" ht="16.5" x14ac:dyDescent="0.2">
      <c r="A53" s="203">
        <v>284</v>
      </c>
      <c r="B53" s="204" t="s">
        <v>137</v>
      </c>
      <c r="C53" s="117">
        <v>549450000</v>
      </c>
      <c r="D53" s="117">
        <v>4588835</v>
      </c>
      <c r="E53" s="117">
        <f t="shared" si="3"/>
        <v>554038835</v>
      </c>
      <c r="F53" s="117">
        <v>239111610</v>
      </c>
      <c r="G53" s="117">
        <f t="shared" si="4"/>
        <v>314927225</v>
      </c>
      <c r="H53" s="122">
        <f t="shared" si="0"/>
        <v>0.43157915094525817</v>
      </c>
      <c r="I53" s="166"/>
    </row>
    <row r="54" spans="1:9" ht="16.5" x14ac:dyDescent="0.2">
      <c r="A54" s="203">
        <v>288</v>
      </c>
      <c r="B54" s="204" t="s">
        <v>138</v>
      </c>
      <c r="C54" s="117">
        <v>44550000</v>
      </c>
      <c r="D54" s="117">
        <v>0</v>
      </c>
      <c r="E54" s="117">
        <f t="shared" si="3"/>
        <v>44550000</v>
      </c>
      <c r="F54" s="117">
        <v>6333400</v>
      </c>
      <c r="G54" s="117">
        <f t="shared" si="4"/>
        <v>38216600</v>
      </c>
      <c r="H54" s="122">
        <f t="shared" si="0"/>
        <v>0.14216386083052751</v>
      </c>
      <c r="I54" s="166"/>
    </row>
    <row r="55" spans="1:9" ht="16.5" x14ac:dyDescent="0.2">
      <c r="A55" s="203">
        <v>291</v>
      </c>
      <c r="B55" s="204" t="s">
        <v>190</v>
      </c>
      <c r="C55" s="117">
        <v>259981549</v>
      </c>
      <c r="D55" s="117">
        <v>-106405200</v>
      </c>
      <c r="E55" s="117">
        <f t="shared" si="3"/>
        <v>153576349</v>
      </c>
      <c r="F55" s="117">
        <v>0</v>
      </c>
      <c r="G55" s="117">
        <f t="shared" si="4"/>
        <v>153576349</v>
      </c>
      <c r="H55" s="122">
        <f t="shared" si="0"/>
        <v>0</v>
      </c>
      <c r="I55" s="166"/>
    </row>
    <row r="56" spans="1:9" ht="16.5" hidden="1" x14ac:dyDescent="0.2">
      <c r="A56" s="203">
        <v>292</v>
      </c>
      <c r="B56" s="204" t="s">
        <v>214</v>
      </c>
      <c r="C56" s="117">
        <v>0</v>
      </c>
      <c r="D56" s="117">
        <v>0</v>
      </c>
      <c r="E56" s="117">
        <f t="shared" si="3"/>
        <v>0</v>
      </c>
      <c r="F56" s="117">
        <v>0</v>
      </c>
      <c r="G56" s="117">
        <f t="shared" si="4"/>
        <v>0</v>
      </c>
      <c r="H56" s="122">
        <f t="shared" si="0"/>
        <v>1</v>
      </c>
      <c r="I56" s="166"/>
    </row>
    <row r="57" spans="1:9" ht="15.75" x14ac:dyDescent="0.2">
      <c r="A57" s="199">
        <v>300</v>
      </c>
      <c r="B57" s="200" t="s">
        <v>57</v>
      </c>
      <c r="C57" s="115">
        <f>SUM(C58:C92)</f>
        <v>17146005344</v>
      </c>
      <c r="D57" s="115">
        <f>SUM(D58:D92)</f>
        <v>-253578960</v>
      </c>
      <c r="E57" s="115">
        <f>SUM(E58:E92)</f>
        <v>16892426384</v>
      </c>
      <c r="F57" s="115">
        <f>SUM(F58:F92)</f>
        <v>3225376092</v>
      </c>
      <c r="G57" s="115">
        <f>SUM(G58:G92)</f>
        <v>13667050292</v>
      </c>
      <c r="H57" s="148">
        <f t="shared" si="0"/>
        <v>0.19093622305526101</v>
      </c>
      <c r="I57" s="148"/>
    </row>
    <row r="58" spans="1:9" ht="18" customHeight="1" x14ac:dyDescent="0.2">
      <c r="A58" s="203">
        <v>311</v>
      </c>
      <c r="B58" s="204" t="s">
        <v>139</v>
      </c>
      <c r="C58" s="117">
        <v>207674700</v>
      </c>
      <c r="D58" s="117">
        <v>0</v>
      </c>
      <c r="E58" s="117">
        <f t="shared" ref="E58:E92" si="5">C58+D58</f>
        <v>207674700</v>
      </c>
      <c r="F58" s="117">
        <v>77995116</v>
      </c>
      <c r="G58" s="117">
        <f t="shared" ref="G58:G92" si="6">E58-F58</f>
        <v>129679584</v>
      </c>
      <c r="H58" s="122">
        <f t="shared" si="0"/>
        <v>0.37556387947111514</v>
      </c>
      <c r="I58" s="166"/>
    </row>
    <row r="59" spans="1:9" ht="18" customHeight="1" x14ac:dyDescent="0.2">
      <c r="A59" s="203">
        <v>321</v>
      </c>
      <c r="B59" s="204" t="s">
        <v>140</v>
      </c>
      <c r="C59" s="117">
        <v>886545</v>
      </c>
      <c r="D59" s="117">
        <v>-494505</v>
      </c>
      <c r="E59" s="117">
        <f t="shared" si="5"/>
        <v>392040</v>
      </c>
      <c r="F59" s="117">
        <v>0</v>
      </c>
      <c r="G59" s="117">
        <f t="shared" si="6"/>
        <v>392040</v>
      </c>
      <c r="H59" s="122">
        <f t="shared" si="0"/>
        <v>0</v>
      </c>
      <c r="I59" s="166"/>
    </row>
    <row r="60" spans="1:9" ht="18" customHeight="1" x14ac:dyDescent="0.2">
      <c r="A60" s="203">
        <v>322</v>
      </c>
      <c r="B60" s="208" t="s">
        <v>222</v>
      </c>
      <c r="C60" s="117">
        <v>6175125</v>
      </c>
      <c r="D60" s="117">
        <v>0</v>
      </c>
      <c r="E60" s="117">
        <f t="shared" si="5"/>
        <v>6175125</v>
      </c>
      <c r="F60" s="117">
        <v>2762674</v>
      </c>
      <c r="G60" s="117">
        <f t="shared" si="6"/>
        <v>3412451</v>
      </c>
      <c r="H60" s="122">
        <f t="shared" si="0"/>
        <v>0.44738754276229226</v>
      </c>
      <c r="I60" s="166"/>
    </row>
    <row r="61" spans="1:9" ht="18" customHeight="1" x14ac:dyDescent="0.2">
      <c r="A61" s="203">
        <v>323</v>
      </c>
      <c r="B61" s="208" t="s">
        <v>158</v>
      </c>
      <c r="C61" s="117">
        <v>69047550</v>
      </c>
      <c r="D61" s="117">
        <v>965760</v>
      </c>
      <c r="E61" s="117">
        <f t="shared" si="5"/>
        <v>70013310</v>
      </c>
      <c r="F61" s="117">
        <v>4352400</v>
      </c>
      <c r="G61" s="117">
        <f t="shared" si="6"/>
        <v>65660910</v>
      </c>
      <c r="H61" s="122">
        <f t="shared" si="0"/>
        <v>6.2165322565095125E-2</v>
      </c>
      <c r="I61" s="166"/>
    </row>
    <row r="62" spans="1:9" ht="18" customHeight="1" x14ac:dyDescent="0.2">
      <c r="A62" s="203">
        <v>324</v>
      </c>
      <c r="B62" s="208" t="s">
        <v>223</v>
      </c>
      <c r="C62" s="117">
        <v>7186529</v>
      </c>
      <c r="D62" s="149">
        <v>0</v>
      </c>
      <c r="E62" s="117">
        <f t="shared" si="5"/>
        <v>7186529</v>
      </c>
      <c r="F62" s="117">
        <v>0</v>
      </c>
      <c r="G62" s="117">
        <f t="shared" si="6"/>
        <v>7186529</v>
      </c>
      <c r="H62" s="122">
        <f t="shared" si="0"/>
        <v>0</v>
      </c>
      <c r="I62" s="166"/>
    </row>
    <row r="63" spans="1:9" ht="18" customHeight="1" x14ac:dyDescent="0.2">
      <c r="A63" s="203">
        <v>331</v>
      </c>
      <c r="B63" s="208" t="s">
        <v>141</v>
      </c>
      <c r="C63" s="117">
        <v>1597773365</v>
      </c>
      <c r="D63" s="149">
        <v>20749049</v>
      </c>
      <c r="E63" s="117">
        <f t="shared" si="5"/>
        <v>1618522414</v>
      </c>
      <c r="F63" s="117">
        <v>196101557</v>
      </c>
      <c r="G63" s="117">
        <f t="shared" si="6"/>
        <v>1422420857</v>
      </c>
      <c r="H63" s="122">
        <f t="shared" si="0"/>
        <v>0.12116085344493721</v>
      </c>
      <c r="I63" s="166"/>
    </row>
    <row r="64" spans="1:9" ht="18" customHeight="1" x14ac:dyDescent="0.2">
      <c r="A64" s="203">
        <v>333</v>
      </c>
      <c r="B64" s="208" t="s">
        <v>142</v>
      </c>
      <c r="C64" s="117">
        <v>90922738</v>
      </c>
      <c r="D64" s="149">
        <v>56184499</v>
      </c>
      <c r="E64" s="117">
        <f t="shared" si="5"/>
        <v>147107237</v>
      </c>
      <c r="F64" s="117">
        <v>26576000</v>
      </c>
      <c r="G64" s="117">
        <f t="shared" si="6"/>
        <v>120531237</v>
      </c>
      <c r="H64" s="122">
        <f t="shared" si="0"/>
        <v>0.18065732551281621</v>
      </c>
      <c r="I64" s="166"/>
    </row>
    <row r="65" spans="1:10" ht="18" customHeight="1" x14ac:dyDescent="0.2">
      <c r="A65" s="209">
        <v>334</v>
      </c>
      <c r="B65" s="208" t="s">
        <v>191</v>
      </c>
      <c r="C65" s="117">
        <v>140428851</v>
      </c>
      <c r="D65" s="106">
        <v>0</v>
      </c>
      <c r="E65" s="139">
        <f t="shared" si="5"/>
        <v>140428851</v>
      </c>
      <c r="F65" s="139">
        <v>22110500</v>
      </c>
      <c r="G65" s="139">
        <f t="shared" si="6"/>
        <v>118318351</v>
      </c>
      <c r="H65" s="122">
        <f t="shared" si="0"/>
        <v>0.1574498391359764</v>
      </c>
      <c r="I65" s="166"/>
    </row>
    <row r="66" spans="1:10" ht="18" customHeight="1" x14ac:dyDescent="0.2">
      <c r="A66" s="209">
        <v>335</v>
      </c>
      <c r="B66" s="208" t="s">
        <v>203</v>
      </c>
      <c r="C66" s="117">
        <v>1188000</v>
      </c>
      <c r="D66" s="106">
        <v>-1188000</v>
      </c>
      <c r="E66" s="139">
        <f t="shared" si="5"/>
        <v>0</v>
      </c>
      <c r="F66" s="139">
        <v>0</v>
      </c>
      <c r="G66" s="139">
        <f t="shared" si="6"/>
        <v>0</v>
      </c>
      <c r="H66" s="122">
        <f t="shared" si="0"/>
        <v>1</v>
      </c>
      <c r="I66" s="166"/>
    </row>
    <row r="67" spans="1:10" ht="18" hidden="1" customHeight="1" x14ac:dyDescent="0.2">
      <c r="A67" s="209">
        <v>336</v>
      </c>
      <c r="B67" s="208" t="s">
        <v>219</v>
      </c>
      <c r="C67" s="117">
        <v>0</v>
      </c>
      <c r="D67" s="106">
        <v>0</v>
      </c>
      <c r="E67" s="139">
        <f t="shared" si="5"/>
        <v>0</v>
      </c>
      <c r="F67" s="139">
        <v>0</v>
      </c>
      <c r="G67" s="139">
        <f t="shared" si="6"/>
        <v>0</v>
      </c>
      <c r="H67" s="122">
        <f t="shared" si="0"/>
        <v>1</v>
      </c>
      <c r="I67" s="166"/>
    </row>
    <row r="68" spans="1:10" ht="18" customHeight="1" x14ac:dyDescent="0.2">
      <c r="A68" s="209">
        <v>341</v>
      </c>
      <c r="B68" s="208" t="s">
        <v>143</v>
      </c>
      <c r="C68" s="117">
        <v>898264222</v>
      </c>
      <c r="D68" s="106">
        <v>-111834111</v>
      </c>
      <c r="E68" s="139">
        <f t="shared" si="5"/>
        <v>786430111</v>
      </c>
      <c r="F68" s="139">
        <v>39454910</v>
      </c>
      <c r="G68" s="139">
        <f t="shared" si="6"/>
        <v>746975201</v>
      </c>
      <c r="H68" s="122">
        <f t="shared" si="0"/>
        <v>5.0169632937668636E-2</v>
      </c>
      <c r="I68" s="166"/>
    </row>
    <row r="69" spans="1:10" ht="18" customHeight="1" x14ac:dyDescent="0.2">
      <c r="A69" s="209">
        <v>342</v>
      </c>
      <c r="B69" s="208" t="s">
        <v>144</v>
      </c>
      <c r="C69" s="117">
        <v>6400381675</v>
      </c>
      <c r="D69" s="106">
        <v>-174213773</v>
      </c>
      <c r="E69" s="139">
        <f t="shared" si="5"/>
        <v>6226167902</v>
      </c>
      <c r="F69" s="139">
        <v>1253181085</v>
      </c>
      <c r="G69" s="139">
        <f t="shared" si="6"/>
        <v>4972986817</v>
      </c>
      <c r="H69" s="122">
        <f t="shared" si="0"/>
        <v>0.20127646808198782</v>
      </c>
      <c r="I69" s="166"/>
    </row>
    <row r="70" spans="1:10" ht="18" customHeight="1" x14ac:dyDescent="0.2">
      <c r="A70" s="209">
        <v>343</v>
      </c>
      <c r="B70" s="208" t="s">
        <v>217</v>
      </c>
      <c r="C70" s="117">
        <v>864472977</v>
      </c>
      <c r="D70" s="106">
        <v>36495172</v>
      </c>
      <c r="E70" s="139">
        <f t="shared" si="5"/>
        <v>900968149</v>
      </c>
      <c r="F70" s="139">
        <v>255098693</v>
      </c>
      <c r="G70" s="139">
        <f t="shared" si="6"/>
        <v>645869456</v>
      </c>
      <c r="H70" s="122">
        <f t="shared" si="0"/>
        <v>0.28313841425264413</v>
      </c>
      <c r="I70" s="166"/>
    </row>
    <row r="71" spans="1:10" ht="18" customHeight="1" x14ac:dyDescent="0.2">
      <c r="A71" s="209">
        <v>344</v>
      </c>
      <c r="B71" s="208" t="s">
        <v>183</v>
      </c>
      <c r="C71" s="117">
        <v>5563800</v>
      </c>
      <c r="D71" s="106">
        <v>2000000</v>
      </c>
      <c r="E71" s="139">
        <f t="shared" si="5"/>
        <v>7563800</v>
      </c>
      <c r="F71" s="139">
        <v>551800</v>
      </c>
      <c r="G71" s="139">
        <f t="shared" si="6"/>
        <v>7012000</v>
      </c>
      <c r="H71" s="122">
        <f t="shared" si="0"/>
        <v>7.2952748618419314E-2</v>
      </c>
      <c r="I71" s="166"/>
    </row>
    <row r="72" spans="1:10" ht="18" customHeight="1" x14ac:dyDescent="0.2">
      <c r="A72" s="203">
        <v>345</v>
      </c>
      <c r="B72" s="208" t="s">
        <v>171</v>
      </c>
      <c r="C72" s="117">
        <v>1089000</v>
      </c>
      <c r="D72" s="149">
        <v>2000000</v>
      </c>
      <c r="E72" s="117">
        <f t="shared" si="5"/>
        <v>3089000</v>
      </c>
      <c r="F72" s="117">
        <v>925000</v>
      </c>
      <c r="G72" s="117">
        <f t="shared" si="6"/>
        <v>2164000</v>
      </c>
      <c r="H72" s="122">
        <f t="shared" si="0"/>
        <v>0.29944966008416962</v>
      </c>
      <c r="I72" s="166"/>
    </row>
    <row r="73" spans="1:10" ht="18" customHeight="1" x14ac:dyDescent="0.2">
      <c r="A73" s="203">
        <v>346</v>
      </c>
      <c r="B73" s="208" t="s">
        <v>145</v>
      </c>
      <c r="C73" s="117">
        <v>920933402</v>
      </c>
      <c r="D73" s="149">
        <v>-120352156</v>
      </c>
      <c r="E73" s="117">
        <f t="shared" si="5"/>
        <v>800581246</v>
      </c>
      <c r="F73" s="117">
        <v>168081098</v>
      </c>
      <c r="G73" s="117">
        <f t="shared" si="6"/>
        <v>632500148</v>
      </c>
      <c r="H73" s="122">
        <f t="shared" ref="H73:H125" si="7">+IF(E73=0,1,F73/E73)</f>
        <v>0.20994883260105746</v>
      </c>
      <c r="I73" s="166"/>
    </row>
    <row r="74" spans="1:10" ht="18" customHeight="1" x14ac:dyDescent="0.2">
      <c r="A74" s="203">
        <v>347</v>
      </c>
      <c r="B74" s="204" t="s">
        <v>146</v>
      </c>
      <c r="C74" s="117">
        <v>60390000</v>
      </c>
      <c r="D74" s="149">
        <v>0</v>
      </c>
      <c r="E74" s="117">
        <f t="shared" si="5"/>
        <v>60390000</v>
      </c>
      <c r="F74" s="117">
        <v>0</v>
      </c>
      <c r="G74" s="117">
        <f t="shared" si="6"/>
        <v>60390000</v>
      </c>
      <c r="H74" s="122">
        <f t="shared" si="7"/>
        <v>0</v>
      </c>
      <c r="I74" s="166"/>
    </row>
    <row r="75" spans="1:10" ht="18" customHeight="1" x14ac:dyDescent="0.2">
      <c r="A75" s="203">
        <v>351</v>
      </c>
      <c r="B75" s="204" t="s">
        <v>147</v>
      </c>
      <c r="C75" s="117">
        <v>269546750</v>
      </c>
      <c r="D75" s="149">
        <v>27407596</v>
      </c>
      <c r="E75" s="117">
        <f t="shared" si="5"/>
        <v>296954346</v>
      </c>
      <c r="F75" s="117">
        <v>72864200</v>
      </c>
      <c r="G75" s="117">
        <f t="shared" si="6"/>
        <v>224090146</v>
      </c>
      <c r="H75" s="122">
        <f t="shared" si="7"/>
        <v>0.24537172458152878</v>
      </c>
      <c r="I75" s="166"/>
    </row>
    <row r="76" spans="1:10" ht="18" customHeight="1" x14ac:dyDescent="0.2">
      <c r="A76" s="203">
        <v>352</v>
      </c>
      <c r="B76" s="204" t="s">
        <v>172</v>
      </c>
      <c r="C76" s="117">
        <v>51408700</v>
      </c>
      <c r="D76" s="149">
        <v>0</v>
      </c>
      <c r="E76" s="117">
        <f t="shared" si="5"/>
        <v>51408700</v>
      </c>
      <c r="F76" s="117">
        <v>767200</v>
      </c>
      <c r="G76" s="117">
        <f t="shared" si="6"/>
        <v>50641500</v>
      </c>
      <c r="H76" s="122">
        <f t="shared" si="7"/>
        <v>1.4923544069389033E-2</v>
      </c>
      <c r="I76" s="166"/>
    </row>
    <row r="77" spans="1:10" ht="18" customHeight="1" x14ac:dyDescent="0.2">
      <c r="A77" s="203">
        <v>353</v>
      </c>
      <c r="B77" s="204" t="s">
        <v>212</v>
      </c>
      <c r="C77" s="117">
        <v>500000</v>
      </c>
      <c r="D77" s="117">
        <v>0</v>
      </c>
      <c r="E77" s="117">
        <f t="shared" si="5"/>
        <v>500000</v>
      </c>
      <c r="F77" s="117">
        <v>0</v>
      </c>
      <c r="G77" s="117">
        <f t="shared" si="6"/>
        <v>500000</v>
      </c>
      <c r="H77" s="122">
        <f t="shared" si="7"/>
        <v>0</v>
      </c>
      <c r="I77" s="166"/>
    </row>
    <row r="78" spans="1:10" ht="18" customHeight="1" x14ac:dyDescent="0.2">
      <c r="A78" s="203">
        <v>354</v>
      </c>
      <c r="B78" s="204" t="s">
        <v>173</v>
      </c>
      <c r="C78" s="117">
        <v>37107100</v>
      </c>
      <c r="D78" s="117">
        <v>0</v>
      </c>
      <c r="E78" s="117">
        <f t="shared" si="5"/>
        <v>37107100</v>
      </c>
      <c r="F78" s="117">
        <v>2822100</v>
      </c>
      <c r="G78" s="117">
        <f t="shared" si="6"/>
        <v>34285000</v>
      </c>
      <c r="H78" s="122">
        <f t="shared" si="7"/>
        <v>7.6052830859862391E-2</v>
      </c>
      <c r="I78" s="166"/>
    </row>
    <row r="79" spans="1:10" s="214" customFormat="1" ht="18" customHeight="1" x14ac:dyDescent="0.2">
      <c r="A79" s="210">
        <v>355</v>
      </c>
      <c r="B79" s="211" t="s">
        <v>174</v>
      </c>
      <c r="C79" s="149">
        <v>90518960</v>
      </c>
      <c r="D79" s="149">
        <v>936065</v>
      </c>
      <c r="E79" s="149">
        <f t="shared" si="5"/>
        <v>91455025</v>
      </c>
      <c r="F79" s="149">
        <v>20125465</v>
      </c>
      <c r="G79" s="149">
        <f t="shared" si="6"/>
        <v>71329560</v>
      </c>
      <c r="H79" s="212">
        <f t="shared" si="7"/>
        <v>0.2200586025754189</v>
      </c>
      <c r="I79" s="213"/>
      <c r="J79" s="213"/>
    </row>
    <row r="80" spans="1:10" ht="18" customHeight="1" x14ac:dyDescent="0.2">
      <c r="A80" s="203">
        <v>357</v>
      </c>
      <c r="B80" s="204" t="s">
        <v>192</v>
      </c>
      <c r="C80" s="117">
        <v>1000000</v>
      </c>
      <c r="D80" s="117">
        <v>0</v>
      </c>
      <c r="E80" s="117">
        <f t="shared" si="5"/>
        <v>1000000</v>
      </c>
      <c r="F80" s="117">
        <v>0</v>
      </c>
      <c r="G80" s="117">
        <f t="shared" si="6"/>
        <v>1000000</v>
      </c>
      <c r="H80" s="122">
        <f t="shared" si="7"/>
        <v>0</v>
      </c>
      <c r="I80" s="166"/>
    </row>
    <row r="81" spans="1:9" ht="18" customHeight="1" x14ac:dyDescent="0.2">
      <c r="A81" s="203">
        <v>358</v>
      </c>
      <c r="B81" s="204" t="s">
        <v>193</v>
      </c>
      <c r="C81" s="117">
        <v>49123394</v>
      </c>
      <c r="D81" s="117">
        <v>0</v>
      </c>
      <c r="E81" s="117">
        <f t="shared" si="5"/>
        <v>49123394</v>
      </c>
      <c r="F81" s="117">
        <v>35432276</v>
      </c>
      <c r="G81" s="117">
        <f t="shared" si="6"/>
        <v>13691118</v>
      </c>
      <c r="H81" s="122">
        <f t="shared" si="7"/>
        <v>0.72129128537006215</v>
      </c>
      <c r="I81" s="166"/>
    </row>
    <row r="82" spans="1:9" ht="18" customHeight="1" x14ac:dyDescent="0.2">
      <c r="A82" s="203">
        <v>361</v>
      </c>
      <c r="B82" s="204" t="s">
        <v>148</v>
      </c>
      <c r="C82" s="117">
        <v>4338642050</v>
      </c>
      <c r="D82" s="117">
        <v>15722497</v>
      </c>
      <c r="E82" s="117">
        <f t="shared" si="5"/>
        <v>4354364547</v>
      </c>
      <c r="F82" s="117">
        <v>921921012</v>
      </c>
      <c r="G82" s="117">
        <f t="shared" si="6"/>
        <v>3432443535</v>
      </c>
      <c r="H82" s="122">
        <f t="shared" si="7"/>
        <v>0.21172343336185995</v>
      </c>
      <c r="I82" s="166"/>
    </row>
    <row r="83" spans="1:9" ht="18" customHeight="1" x14ac:dyDescent="0.2">
      <c r="A83" s="203">
        <v>362</v>
      </c>
      <c r="B83" s="204" t="s">
        <v>149</v>
      </c>
      <c r="C83" s="117">
        <v>6937227</v>
      </c>
      <c r="D83" s="117">
        <v>0</v>
      </c>
      <c r="E83" s="117">
        <f t="shared" si="5"/>
        <v>6937227</v>
      </c>
      <c r="F83" s="117">
        <v>0</v>
      </c>
      <c r="G83" s="117">
        <f t="shared" si="6"/>
        <v>6937227</v>
      </c>
      <c r="H83" s="122">
        <f t="shared" si="7"/>
        <v>0</v>
      </c>
      <c r="I83" s="166"/>
    </row>
    <row r="84" spans="1:9" ht="18" customHeight="1" x14ac:dyDescent="0.2">
      <c r="A84" s="203">
        <v>391</v>
      </c>
      <c r="B84" s="204" t="s">
        <v>150</v>
      </c>
      <c r="C84" s="117">
        <v>125000222</v>
      </c>
      <c r="D84" s="117">
        <v>4238380</v>
      </c>
      <c r="E84" s="117">
        <f t="shared" si="5"/>
        <v>129238602</v>
      </c>
      <c r="F84" s="117">
        <v>29807920</v>
      </c>
      <c r="G84" s="117">
        <f t="shared" si="6"/>
        <v>99430682</v>
      </c>
      <c r="H84" s="122">
        <f t="shared" si="7"/>
        <v>0.23064254440016305</v>
      </c>
      <c r="I84" s="166"/>
    </row>
    <row r="85" spans="1:9" ht="18" customHeight="1" x14ac:dyDescent="0.2">
      <c r="A85" s="203">
        <v>392</v>
      </c>
      <c r="B85" s="204" t="s">
        <v>151</v>
      </c>
      <c r="C85" s="117">
        <v>67380881</v>
      </c>
      <c r="D85" s="117">
        <v>-25740000</v>
      </c>
      <c r="E85" s="117">
        <f t="shared" si="5"/>
        <v>41640881</v>
      </c>
      <c r="F85" s="117">
        <v>0</v>
      </c>
      <c r="G85" s="117">
        <f t="shared" si="6"/>
        <v>41640881</v>
      </c>
      <c r="H85" s="122">
        <f t="shared" si="7"/>
        <v>0</v>
      </c>
      <c r="I85" s="166"/>
    </row>
    <row r="86" spans="1:9" ht="18" customHeight="1" x14ac:dyDescent="0.2">
      <c r="A86" s="203">
        <v>393</v>
      </c>
      <c r="B86" s="204" t="s">
        <v>152</v>
      </c>
      <c r="C86" s="117">
        <v>742500</v>
      </c>
      <c r="D86" s="117">
        <v>0</v>
      </c>
      <c r="E86" s="117">
        <f t="shared" si="5"/>
        <v>742500</v>
      </c>
      <c r="F86" s="117">
        <v>0</v>
      </c>
      <c r="G86" s="117">
        <f t="shared" si="6"/>
        <v>742500</v>
      </c>
      <c r="H86" s="122">
        <f t="shared" si="7"/>
        <v>0</v>
      </c>
      <c r="I86" s="166"/>
    </row>
    <row r="87" spans="1:9" ht="18" customHeight="1" x14ac:dyDescent="0.2">
      <c r="A87" s="203">
        <v>394</v>
      </c>
      <c r="B87" s="204" t="s">
        <v>153</v>
      </c>
      <c r="C87" s="117">
        <v>130855131</v>
      </c>
      <c r="D87" s="117">
        <v>6887802</v>
      </c>
      <c r="E87" s="117">
        <f t="shared" si="5"/>
        <v>137742933</v>
      </c>
      <c r="F87" s="117">
        <v>39621418</v>
      </c>
      <c r="G87" s="117">
        <f t="shared" si="6"/>
        <v>98121515</v>
      </c>
      <c r="H87" s="122">
        <f t="shared" si="7"/>
        <v>0.28764755575518347</v>
      </c>
      <c r="I87" s="166"/>
    </row>
    <row r="88" spans="1:9" ht="18" customHeight="1" x14ac:dyDescent="0.2">
      <c r="A88" s="203">
        <v>395</v>
      </c>
      <c r="B88" s="204" t="s">
        <v>175</v>
      </c>
      <c r="C88" s="117">
        <v>499264920</v>
      </c>
      <c r="D88" s="117">
        <v>0</v>
      </c>
      <c r="E88" s="117">
        <f t="shared" si="5"/>
        <v>499264920</v>
      </c>
      <c r="F88" s="117">
        <v>0</v>
      </c>
      <c r="G88" s="117">
        <f t="shared" si="6"/>
        <v>499264920</v>
      </c>
      <c r="H88" s="122">
        <f t="shared" si="7"/>
        <v>0</v>
      </c>
      <c r="I88" s="166"/>
    </row>
    <row r="89" spans="1:9" ht="18" customHeight="1" x14ac:dyDescent="0.2">
      <c r="A89" s="203">
        <v>396</v>
      </c>
      <c r="B89" s="204" t="s">
        <v>194</v>
      </c>
      <c r="C89" s="117">
        <v>10692000</v>
      </c>
      <c r="D89" s="117">
        <v>3000000</v>
      </c>
      <c r="E89" s="117">
        <f t="shared" si="5"/>
        <v>13692000</v>
      </c>
      <c r="F89" s="117">
        <v>1638456</v>
      </c>
      <c r="G89" s="117">
        <f t="shared" si="6"/>
        <v>12053544</v>
      </c>
      <c r="H89" s="122">
        <f t="shared" si="7"/>
        <v>0.11966520595968448</v>
      </c>
      <c r="I89" s="166"/>
    </row>
    <row r="90" spans="1:9" ht="18" customHeight="1" x14ac:dyDescent="0.2">
      <c r="A90" s="203">
        <v>397</v>
      </c>
      <c r="B90" s="204" t="s">
        <v>195</v>
      </c>
      <c r="C90" s="117">
        <v>108371130</v>
      </c>
      <c r="D90" s="117">
        <v>6224780</v>
      </c>
      <c r="E90" s="117">
        <f t="shared" si="5"/>
        <v>114595910</v>
      </c>
      <c r="F90" s="117">
        <v>38779870</v>
      </c>
      <c r="G90" s="117">
        <f t="shared" si="6"/>
        <v>75816040</v>
      </c>
      <c r="H90" s="122">
        <f t="shared" si="7"/>
        <v>0.33840535844603881</v>
      </c>
      <c r="I90" s="166"/>
    </row>
    <row r="91" spans="1:9" ht="18" customHeight="1" x14ac:dyDescent="0.2">
      <c r="A91" s="203">
        <v>398</v>
      </c>
      <c r="B91" s="204" t="s">
        <v>184</v>
      </c>
      <c r="C91" s="117">
        <v>20295000</v>
      </c>
      <c r="D91" s="117">
        <v>2000000</v>
      </c>
      <c r="E91" s="117">
        <f t="shared" si="5"/>
        <v>22295000</v>
      </c>
      <c r="F91" s="117">
        <v>2661010</v>
      </c>
      <c r="G91" s="117">
        <f t="shared" si="6"/>
        <v>19633990</v>
      </c>
      <c r="H91" s="122">
        <f t="shared" si="7"/>
        <v>0.1193545638035434</v>
      </c>
      <c r="I91" s="166"/>
    </row>
    <row r="92" spans="1:9" ht="18" customHeight="1" x14ac:dyDescent="0.2">
      <c r="A92" s="203">
        <v>399</v>
      </c>
      <c r="B92" s="204" t="s">
        <v>154</v>
      </c>
      <c r="C92" s="117">
        <v>66240900</v>
      </c>
      <c r="D92" s="117">
        <v>-4568015</v>
      </c>
      <c r="E92" s="117">
        <f t="shared" si="5"/>
        <v>61672885</v>
      </c>
      <c r="F92" s="117">
        <v>11744332</v>
      </c>
      <c r="G92" s="117">
        <f t="shared" si="6"/>
        <v>49928553</v>
      </c>
      <c r="H92" s="122">
        <f t="shared" si="7"/>
        <v>0.19042942453559616</v>
      </c>
      <c r="I92" s="166"/>
    </row>
    <row r="93" spans="1:9" ht="18" customHeight="1" x14ac:dyDescent="0.2">
      <c r="A93" s="199">
        <v>500</v>
      </c>
      <c r="B93" s="200" t="s">
        <v>58</v>
      </c>
      <c r="C93" s="115">
        <f>SUM(C94:C111)</f>
        <v>181586418373</v>
      </c>
      <c r="D93" s="115">
        <f>SUM(D94:D111)</f>
        <v>440464014</v>
      </c>
      <c r="E93" s="115">
        <f>SUM(E94:E111)</f>
        <v>182026882387</v>
      </c>
      <c r="F93" s="115">
        <f>SUM(F94:F111)</f>
        <v>25203932517</v>
      </c>
      <c r="G93" s="115">
        <f>SUM(G94:G111)</f>
        <v>156822949870</v>
      </c>
      <c r="H93" s="148">
        <f t="shared" si="7"/>
        <v>0.13846269400700353</v>
      </c>
      <c r="I93" s="148"/>
    </row>
    <row r="94" spans="1:9" ht="18" customHeight="1" x14ac:dyDescent="0.2">
      <c r="A94" s="203">
        <v>511</v>
      </c>
      <c r="B94" s="204" t="s">
        <v>213</v>
      </c>
      <c r="C94" s="117">
        <v>0</v>
      </c>
      <c r="D94" s="117">
        <v>0</v>
      </c>
      <c r="E94" s="117">
        <f t="shared" ref="E94:E111" si="8">C94+D94</f>
        <v>0</v>
      </c>
      <c r="F94" s="117">
        <v>0</v>
      </c>
      <c r="G94" s="117">
        <f t="shared" ref="G94:G111" si="9">E94-F94</f>
        <v>0</v>
      </c>
      <c r="H94" s="122">
        <f t="shared" si="7"/>
        <v>1</v>
      </c>
      <c r="I94" s="166"/>
    </row>
    <row r="95" spans="1:9" ht="18" customHeight="1" x14ac:dyDescent="0.2">
      <c r="A95" s="203">
        <v>522</v>
      </c>
      <c r="B95" s="204" t="s">
        <v>155</v>
      </c>
      <c r="C95" s="117">
        <v>117944256610</v>
      </c>
      <c r="D95" s="117">
        <v>-346406600</v>
      </c>
      <c r="E95" s="117">
        <f t="shared" si="8"/>
        <v>117597850010</v>
      </c>
      <c r="F95" s="117">
        <v>10544715633</v>
      </c>
      <c r="G95" s="117">
        <f t="shared" si="9"/>
        <v>107053134377</v>
      </c>
      <c r="H95" s="122">
        <f t="shared" si="7"/>
        <v>8.966758858349301E-2</v>
      </c>
      <c r="I95" s="166"/>
    </row>
    <row r="96" spans="1:9" ht="18" customHeight="1" x14ac:dyDescent="0.2">
      <c r="A96" s="203">
        <v>526</v>
      </c>
      <c r="B96" s="204" t="s">
        <v>221</v>
      </c>
      <c r="C96" s="117">
        <v>52000000</v>
      </c>
      <c r="D96" s="117">
        <v>0</v>
      </c>
      <c r="E96" s="117">
        <f t="shared" si="8"/>
        <v>52000000</v>
      </c>
      <c r="F96" s="117">
        <v>0</v>
      </c>
      <c r="G96" s="117">
        <f t="shared" si="9"/>
        <v>52000000</v>
      </c>
      <c r="H96" s="122">
        <f t="shared" si="7"/>
        <v>0</v>
      </c>
      <c r="I96" s="166"/>
    </row>
    <row r="97" spans="1:9" ht="18" customHeight="1" x14ac:dyDescent="0.2">
      <c r="A97" s="203">
        <v>532</v>
      </c>
      <c r="B97" s="204" t="s">
        <v>204</v>
      </c>
      <c r="C97" s="117">
        <v>0</v>
      </c>
      <c r="D97" s="117">
        <v>70000000</v>
      </c>
      <c r="E97" s="117">
        <f t="shared" si="8"/>
        <v>70000000</v>
      </c>
      <c r="F97" s="117">
        <v>0</v>
      </c>
      <c r="G97" s="117">
        <f t="shared" si="9"/>
        <v>70000000</v>
      </c>
      <c r="H97" s="122">
        <f t="shared" si="7"/>
        <v>0</v>
      </c>
      <c r="I97" s="166"/>
    </row>
    <row r="98" spans="1:9" ht="18" customHeight="1" x14ac:dyDescent="0.2">
      <c r="A98" s="203">
        <v>533</v>
      </c>
      <c r="B98" s="204" t="s">
        <v>205</v>
      </c>
      <c r="C98" s="117">
        <v>150000000</v>
      </c>
      <c r="D98" s="117">
        <v>400000000</v>
      </c>
      <c r="E98" s="117">
        <f t="shared" si="8"/>
        <v>550000000</v>
      </c>
      <c r="F98" s="117">
        <v>0</v>
      </c>
      <c r="G98" s="117">
        <f t="shared" si="9"/>
        <v>550000000</v>
      </c>
      <c r="H98" s="122">
        <f t="shared" si="7"/>
        <v>0</v>
      </c>
      <c r="I98" s="166"/>
    </row>
    <row r="99" spans="1:9" ht="18" customHeight="1" x14ac:dyDescent="0.2">
      <c r="A99" s="203">
        <v>534</v>
      </c>
      <c r="B99" s="204" t="s">
        <v>206</v>
      </c>
      <c r="C99" s="117">
        <v>0</v>
      </c>
      <c r="D99" s="117">
        <v>12576000</v>
      </c>
      <c r="E99" s="117">
        <f t="shared" si="8"/>
        <v>12576000</v>
      </c>
      <c r="F99" s="117">
        <v>3000000</v>
      </c>
      <c r="G99" s="117">
        <f t="shared" si="9"/>
        <v>9576000</v>
      </c>
      <c r="H99" s="122">
        <f t="shared" si="7"/>
        <v>0.2385496183206107</v>
      </c>
      <c r="I99" s="166"/>
    </row>
    <row r="100" spans="1:9" ht="18" customHeight="1" x14ac:dyDescent="0.2">
      <c r="A100" s="203">
        <v>535</v>
      </c>
      <c r="B100" s="204" t="s">
        <v>200</v>
      </c>
      <c r="C100" s="117">
        <v>31300000</v>
      </c>
      <c r="D100" s="117">
        <v>0</v>
      </c>
      <c r="E100" s="117">
        <f t="shared" si="8"/>
        <v>31300000</v>
      </c>
      <c r="F100" s="117">
        <v>12180000</v>
      </c>
      <c r="G100" s="117">
        <f t="shared" si="9"/>
        <v>19120000</v>
      </c>
      <c r="H100" s="122">
        <f t="shared" si="7"/>
        <v>0.38913738019169331</v>
      </c>
      <c r="I100" s="166"/>
    </row>
    <row r="101" spans="1:9" ht="18" customHeight="1" x14ac:dyDescent="0.2">
      <c r="A101" s="203">
        <v>536</v>
      </c>
      <c r="B101" s="204" t="s">
        <v>176</v>
      </c>
      <c r="C101" s="117">
        <v>1589430000</v>
      </c>
      <c r="D101" s="117">
        <v>21500000</v>
      </c>
      <c r="E101" s="117">
        <f t="shared" si="8"/>
        <v>1610930000</v>
      </c>
      <c r="F101" s="117">
        <v>4000000</v>
      </c>
      <c r="G101" s="117">
        <f t="shared" si="9"/>
        <v>1606930000</v>
      </c>
      <c r="H101" s="122">
        <f t="shared" si="7"/>
        <v>2.4830377483813699E-3</v>
      </c>
      <c r="I101" s="166"/>
    </row>
    <row r="102" spans="1:9" ht="18" customHeight="1" x14ac:dyDescent="0.2">
      <c r="A102" s="203">
        <v>537</v>
      </c>
      <c r="B102" s="204" t="s">
        <v>207</v>
      </c>
      <c r="C102" s="117">
        <v>4080000000</v>
      </c>
      <c r="D102" s="117">
        <v>-400000000</v>
      </c>
      <c r="E102" s="117">
        <f t="shared" si="8"/>
        <v>3680000000</v>
      </c>
      <c r="F102" s="117">
        <v>2580750000</v>
      </c>
      <c r="G102" s="117">
        <f t="shared" si="9"/>
        <v>1099250000</v>
      </c>
      <c r="H102" s="122">
        <f t="shared" si="7"/>
        <v>0.70129076086956521</v>
      </c>
      <c r="I102" s="166"/>
    </row>
    <row r="103" spans="1:9" ht="18" customHeight="1" x14ac:dyDescent="0.2">
      <c r="A103" s="203">
        <v>538</v>
      </c>
      <c r="B103" s="204" t="s">
        <v>201</v>
      </c>
      <c r="C103" s="117">
        <v>3837670398</v>
      </c>
      <c r="D103" s="117">
        <v>5727762</v>
      </c>
      <c r="E103" s="117">
        <f t="shared" si="8"/>
        <v>3843398160</v>
      </c>
      <c r="F103" s="117">
        <v>528193736</v>
      </c>
      <c r="G103" s="117">
        <f t="shared" si="9"/>
        <v>3315204424</v>
      </c>
      <c r="H103" s="122">
        <f t="shared" si="7"/>
        <v>0.13742883615264051</v>
      </c>
      <c r="I103" s="166"/>
    </row>
    <row r="104" spans="1:9" ht="18" customHeight="1" x14ac:dyDescent="0.2">
      <c r="A104" s="203">
        <v>541</v>
      </c>
      <c r="B104" s="204" t="s">
        <v>156</v>
      </c>
      <c r="C104" s="117">
        <v>12899561917</v>
      </c>
      <c r="D104" s="117">
        <v>525856600</v>
      </c>
      <c r="E104" s="117">
        <f t="shared" si="8"/>
        <v>13425418517</v>
      </c>
      <c r="F104" s="117">
        <v>940838626</v>
      </c>
      <c r="G104" s="117">
        <f t="shared" si="9"/>
        <v>12484579891</v>
      </c>
      <c r="H104" s="122">
        <f t="shared" si="7"/>
        <v>7.0078904788603694E-2</v>
      </c>
      <c r="I104" s="166"/>
    </row>
    <row r="105" spans="1:9" ht="18" customHeight="1" x14ac:dyDescent="0.2">
      <c r="A105" s="203">
        <v>542</v>
      </c>
      <c r="B105" s="204" t="s">
        <v>157</v>
      </c>
      <c r="C105" s="117">
        <v>3168942959</v>
      </c>
      <c r="D105" s="117">
        <v>97652268</v>
      </c>
      <c r="E105" s="117">
        <f t="shared" si="8"/>
        <v>3266595227</v>
      </c>
      <c r="F105" s="117">
        <v>295494747</v>
      </c>
      <c r="G105" s="117">
        <f t="shared" si="9"/>
        <v>2971100480</v>
      </c>
      <c r="H105" s="122">
        <f t="shared" si="7"/>
        <v>9.0459553898074682E-2</v>
      </c>
      <c r="I105" s="166"/>
    </row>
    <row r="106" spans="1:9" ht="18" customHeight="1" x14ac:dyDescent="0.2">
      <c r="A106" s="203">
        <v>543</v>
      </c>
      <c r="B106" s="215" t="s">
        <v>196</v>
      </c>
      <c r="C106" s="117">
        <v>35369540488</v>
      </c>
      <c r="D106" s="117">
        <v>-522215016</v>
      </c>
      <c r="E106" s="117">
        <f t="shared" si="8"/>
        <v>34847325472</v>
      </c>
      <c r="F106" s="117">
        <v>9673726775</v>
      </c>
      <c r="G106" s="117">
        <f t="shared" si="9"/>
        <v>25173598697</v>
      </c>
      <c r="H106" s="122">
        <f t="shared" si="7"/>
        <v>0.27760313435740969</v>
      </c>
      <c r="I106" s="166"/>
    </row>
    <row r="107" spans="1:9" ht="18" customHeight="1" x14ac:dyDescent="0.2">
      <c r="A107" s="203">
        <v>549</v>
      </c>
      <c r="B107" s="215" t="s">
        <v>249</v>
      </c>
      <c r="C107" s="117">
        <v>5000000</v>
      </c>
      <c r="D107" s="117">
        <v>-5000000</v>
      </c>
      <c r="E107" s="117">
        <f t="shared" si="8"/>
        <v>0</v>
      </c>
      <c r="F107" s="117">
        <v>0</v>
      </c>
      <c r="G107" s="117">
        <f t="shared" si="9"/>
        <v>0</v>
      </c>
      <c r="H107" s="122">
        <f t="shared" si="7"/>
        <v>1</v>
      </c>
      <c r="I107" s="166"/>
    </row>
    <row r="108" spans="1:9" ht="18" customHeight="1" x14ac:dyDescent="0.2">
      <c r="A108" s="203">
        <v>552</v>
      </c>
      <c r="B108" s="215" t="s">
        <v>208</v>
      </c>
      <c r="C108" s="117">
        <v>0</v>
      </c>
      <c r="D108" s="117">
        <v>366700000</v>
      </c>
      <c r="E108" s="117">
        <f t="shared" si="8"/>
        <v>366700000</v>
      </c>
      <c r="F108" s="117">
        <v>366700000</v>
      </c>
      <c r="G108" s="117">
        <f t="shared" si="9"/>
        <v>0</v>
      </c>
      <c r="H108" s="122">
        <f t="shared" si="7"/>
        <v>1</v>
      </c>
      <c r="I108" s="166"/>
    </row>
    <row r="109" spans="1:9" ht="18" customHeight="1" x14ac:dyDescent="0.2">
      <c r="A109" s="203">
        <v>579</v>
      </c>
      <c r="B109" s="215" t="s">
        <v>202</v>
      </c>
      <c r="C109" s="117">
        <v>2384804001</v>
      </c>
      <c r="D109" s="117">
        <v>214073000</v>
      </c>
      <c r="E109" s="117">
        <f t="shared" si="8"/>
        <v>2598877001</v>
      </c>
      <c r="F109" s="117">
        <v>254333000</v>
      </c>
      <c r="G109" s="117">
        <f t="shared" si="9"/>
        <v>2344544001</v>
      </c>
      <c r="H109" s="122">
        <f t="shared" si="7"/>
        <v>9.7862653716254119E-2</v>
      </c>
      <c r="I109" s="166"/>
    </row>
    <row r="110" spans="1:9" ht="18" customHeight="1" x14ac:dyDescent="0.2">
      <c r="A110" s="203">
        <v>596</v>
      </c>
      <c r="B110" s="215" t="s">
        <v>177</v>
      </c>
      <c r="C110" s="117">
        <v>50000000</v>
      </c>
      <c r="D110" s="117">
        <v>0</v>
      </c>
      <c r="E110" s="117">
        <f t="shared" si="8"/>
        <v>50000000</v>
      </c>
      <c r="F110" s="117">
        <v>0</v>
      </c>
      <c r="G110" s="117">
        <f t="shared" si="9"/>
        <v>50000000</v>
      </c>
      <c r="H110" s="122">
        <f t="shared" si="7"/>
        <v>0</v>
      </c>
      <c r="I110" s="166"/>
    </row>
    <row r="111" spans="1:9" ht="18" customHeight="1" x14ac:dyDescent="0.2">
      <c r="A111" s="203">
        <v>597</v>
      </c>
      <c r="B111" s="215" t="s">
        <v>245</v>
      </c>
      <c r="C111" s="117">
        <v>23912000</v>
      </c>
      <c r="D111" s="117">
        <v>0</v>
      </c>
      <c r="E111" s="117">
        <f t="shared" si="8"/>
        <v>23912000</v>
      </c>
      <c r="F111" s="117">
        <v>0</v>
      </c>
      <c r="G111" s="117">
        <f t="shared" si="9"/>
        <v>23912000</v>
      </c>
      <c r="H111" s="122">
        <f t="shared" si="7"/>
        <v>0</v>
      </c>
      <c r="I111" s="166"/>
    </row>
    <row r="112" spans="1:9" ht="18" customHeight="1" x14ac:dyDescent="0.2">
      <c r="A112" s="199">
        <v>700</v>
      </c>
      <c r="B112" s="200" t="s">
        <v>117</v>
      </c>
      <c r="C112" s="115">
        <f>SUM(C113:C114)</f>
        <v>1040255121</v>
      </c>
      <c r="D112" s="115">
        <f>SUM(D113:D114)</f>
        <v>0</v>
      </c>
      <c r="E112" s="115">
        <f>SUM(E113:E114)</f>
        <v>1040255121</v>
      </c>
      <c r="F112" s="115">
        <f>SUM(F113:F114)</f>
        <v>847879479</v>
      </c>
      <c r="G112" s="115">
        <f>SUM(G113:G114)</f>
        <v>192375642</v>
      </c>
      <c r="H112" s="148">
        <f t="shared" si="7"/>
        <v>0.81506878638091318</v>
      </c>
      <c r="I112" s="148"/>
    </row>
    <row r="113" spans="1:10" ht="18" customHeight="1" x14ac:dyDescent="0.2">
      <c r="A113" s="201">
        <v>712</v>
      </c>
      <c r="B113" s="202" t="s">
        <v>197</v>
      </c>
      <c r="C113" s="117">
        <v>222513620</v>
      </c>
      <c r="D113" s="117">
        <v>0</v>
      </c>
      <c r="E113" s="117">
        <f t="shared" ref="E113:E114" si="10">C113+D113</f>
        <v>222513620</v>
      </c>
      <c r="F113" s="117">
        <v>167427597</v>
      </c>
      <c r="G113" s="117">
        <f t="shared" ref="G113:G114" si="11">E113-F113</f>
        <v>55086023</v>
      </c>
      <c r="H113" s="124">
        <f t="shared" si="7"/>
        <v>0.75243752270085762</v>
      </c>
      <c r="I113" s="166"/>
    </row>
    <row r="114" spans="1:10" ht="18" customHeight="1" x14ac:dyDescent="0.2">
      <c r="A114" s="203">
        <v>732</v>
      </c>
      <c r="B114" s="204" t="s">
        <v>178</v>
      </c>
      <c r="C114" s="117">
        <v>817741501</v>
      </c>
      <c r="D114" s="117">
        <v>0</v>
      </c>
      <c r="E114" s="117">
        <f t="shared" si="10"/>
        <v>817741501</v>
      </c>
      <c r="F114" s="117">
        <v>680451882</v>
      </c>
      <c r="G114" s="117">
        <f t="shared" si="11"/>
        <v>137289619</v>
      </c>
      <c r="H114" s="122">
        <f t="shared" si="7"/>
        <v>0.83211122484047684</v>
      </c>
      <c r="I114" s="166"/>
    </row>
    <row r="115" spans="1:10" ht="18" customHeight="1" x14ac:dyDescent="0.2">
      <c r="A115" s="199">
        <v>800</v>
      </c>
      <c r="B115" s="200" t="s">
        <v>59</v>
      </c>
      <c r="C115" s="115">
        <f>SUM(C116:C120)</f>
        <v>21694100000</v>
      </c>
      <c r="D115" s="115">
        <f>SUM(D116:D120)</f>
        <v>-225000000</v>
      </c>
      <c r="E115" s="115">
        <f>SUM(E116:E120)</f>
        <v>21469100000</v>
      </c>
      <c r="F115" s="115">
        <f>SUM(F116:F120)</f>
        <v>7110853667</v>
      </c>
      <c r="G115" s="115">
        <f>SUM(G116:G120)</f>
        <v>14358246333</v>
      </c>
      <c r="H115" s="148">
        <f t="shared" si="7"/>
        <v>0.33121340284408757</v>
      </c>
      <c r="I115" s="148"/>
    </row>
    <row r="116" spans="1:10" ht="18" customHeight="1" x14ac:dyDescent="0.2">
      <c r="A116" s="201">
        <v>841</v>
      </c>
      <c r="B116" s="202" t="s">
        <v>60</v>
      </c>
      <c r="C116" s="116">
        <v>501000000</v>
      </c>
      <c r="D116" s="117">
        <v>-225000000</v>
      </c>
      <c r="E116" s="117">
        <f t="shared" ref="E116:E120" si="12">C116+D116</f>
        <v>276000000</v>
      </c>
      <c r="F116" s="117">
        <v>0</v>
      </c>
      <c r="G116" s="117">
        <f t="shared" ref="G116:G120" si="13">E116-F116</f>
        <v>276000000</v>
      </c>
      <c r="H116" s="124">
        <f t="shared" si="7"/>
        <v>0</v>
      </c>
      <c r="I116" s="166"/>
    </row>
    <row r="117" spans="1:10" ht="18" customHeight="1" x14ac:dyDescent="0.2">
      <c r="A117" s="203">
        <v>842</v>
      </c>
      <c r="B117" s="204" t="s">
        <v>179</v>
      </c>
      <c r="C117" s="117">
        <v>683100000</v>
      </c>
      <c r="D117" s="117">
        <v>0</v>
      </c>
      <c r="E117" s="117">
        <f t="shared" si="12"/>
        <v>683100000</v>
      </c>
      <c r="F117" s="117">
        <v>161020000</v>
      </c>
      <c r="G117" s="117">
        <f t="shared" si="13"/>
        <v>522080000</v>
      </c>
      <c r="H117" s="122">
        <f t="shared" si="7"/>
        <v>0.23571951398038354</v>
      </c>
      <c r="I117" s="166"/>
    </row>
    <row r="118" spans="1:10" ht="18" hidden="1" customHeight="1" x14ac:dyDescent="0.2">
      <c r="A118" s="203">
        <v>845</v>
      </c>
      <c r="B118" s="204" t="s">
        <v>215</v>
      </c>
      <c r="C118" s="117">
        <v>0</v>
      </c>
      <c r="D118" s="117">
        <v>0</v>
      </c>
      <c r="E118" s="117">
        <f t="shared" si="12"/>
        <v>0</v>
      </c>
      <c r="F118" s="117">
        <v>0</v>
      </c>
      <c r="G118" s="117">
        <f t="shared" si="13"/>
        <v>0</v>
      </c>
      <c r="H118" s="122">
        <f t="shared" si="7"/>
        <v>1</v>
      </c>
      <c r="I118" s="166"/>
    </row>
    <row r="119" spans="1:10" ht="18" customHeight="1" x14ac:dyDescent="0.2">
      <c r="A119" s="203">
        <v>849</v>
      </c>
      <c r="B119" s="204" t="s">
        <v>198</v>
      </c>
      <c r="C119" s="117">
        <v>18000000000</v>
      </c>
      <c r="D119" s="117">
        <v>0</v>
      </c>
      <c r="E119" s="117">
        <f t="shared" si="12"/>
        <v>18000000000</v>
      </c>
      <c r="F119" s="117">
        <v>6945367667</v>
      </c>
      <c r="G119" s="117">
        <f t="shared" si="13"/>
        <v>11054632333</v>
      </c>
      <c r="H119" s="122">
        <f t="shared" si="7"/>
        <v>0.38585375927777776</v>
      </c>
      <c r="I119" s="166"/>
    </row>
    <row r="120" spans="1:10" ht="18" customHeight="1" x14ac:dyDescent="0.2">
      <c r="A120" s="216">
        <v>852</v>
      </c>
      <c r="B120" s="217" t="s">
        <v>180</v>
      </c>
      <c r="C120" s="150">
        <v>2510000000</v>
      </c>
      <c r="D120" s="117">
        <v>0</v>
      </c>
      <c r="E120" s="117">
        <f t="shared" si="12"/>
        <v>2510000000</v>
      </c>
      <c r="F120" s="117">
        <v>4466000</v>
      </c>
      <c r="G120" s="117">
        <f t="shared" si="13"/>
        <v>2505534000</v>
      </c>
      <c r="H120" s="123">
        <f t="shared" si="7"/>
        <v>1.7792828685258965E-3</v>
      </c>
      <c r="I120" s="166"/>
    </row>
    <row r="121" spans="1:10" ht="18" customHeight="1" x14ac:dyDescent="0.2">
      <c r="A121" s="199">
        <v>900</v>
      </c>
      <c r="B121" s="200" t="s">
        <v>61</v>
      </c>
      <c r="C121" s="115">
        <f>SUM(C122:C124)</f>
        <v>6139333100</v>
      </c>
      <c r="D121" s="115">
        <f>SUM(D122:D124)</f>
        <v>32681523</v>
      </c>
      <c r="E121" s="115">
        <f>SUM(E122:E124)</f>
        <v>6172014623</v>
      </c>
      <c r="F121" s="115">
        <f>SUM(F122:F124)</f>
        <v>2582976357</v>
      </c>
      <c r="G121" s="115">
        <f>SUM(G122:G124)</f>
        <v>3589038266</v>
      </c>
      <c r="H121" s="148">
        <f t="shared" si="7"/>
        <v>0.41849809418379275</v>
      </c>
      <c r="I121" s="148"/>
    </row>
    <row r="122" spans="1:10" ht="18" customHeight="1" x14ac:dyDescent="0.2">
      <c r="A122" s="201">
        <v>910</v>
      </c>
      <c r="B122" s="202" t="s">
        <v>118</v>
      </c>
      <c r="C122" s="116">
        <v>5539333100</v>
      </c>
      <c r="D122" s="139">
        <v>32681523</v>
      </c>
      <c r="E122" s="119">
        <f t="shared" ref="E122:E124" si="14">C122+D122</f>
        <v>5572014623</v>
      </c>
      <c r="F122" s="149">
        <v>2462511244</v>
      </c>
      <c r="G122" s="117">
        <f t="shared" ref="G122:G124" si="15">E122-F122</f>
        <v>3109503379</v>
      </c>
      <c r="H122" s="124">
        <f t="shared" si="7"/>
        <v>0.44194271024259657</v>
      </c>
      <c r="I122" s="166"/>
    </row>
    <row r="123" spans="1:10" ht="18" customHeight="1" x14ac:dyDescent="0.2">
      <c r="A123" s="203">
        <v>920</v>
      </c>
      <c r="B123" s="204" t="s">
        <v>181</v>
      </c>
      <c r="C123" s="117">
        <v>600000000</v>
      </c>
      <c r="D123" s="139">
        <v>0</v>
      </c>
      <c r="E123" s="119">
        <f t="shared" si="14"/>
        <v>600000000</v>
      </c>
      <c r="F123" s="149">
        <v>120465113</v>
      </c>
      <c r="G123" s="117">
        <f t="shared" si="15"/>
        <v>479534887</v>
      </c>
      <c r="H123" s="122">
        <f t="shared" si="7"/>
        <v>0.20077518833333333</v>
      </c>
      <c r="I123" s="166"/>
    </row>
    <row r="124" spans="1:10" ht="16.5" x14ac:dyDescent="0.2">
      <c r="A124" s="203">
        <v>960</v>
      </c>
      <c r="B124" s="218" t="s">
        <v>232</v>
      </c>
      <c r="C124" s="117">
        <v>0</v>
      </c>
      <c r="D124" s="139">
        <v>0</v>
      </c>
      <c r="E124" s="119">
        <f t="shared" si="14"/>
        <v>0</v>
      </c>
      <c r="F124" s="149">
        <v>0</v>
      </c>
      <c r="G124" s="117">
        <f t="shared" si="15"/>
        <v>0</v>
      </c>
      <c r="H124" s="122">
        <f t="shared" si="7"/>
        <v>1</v>
      </c>
      <c r="I124" s="166"/>
    </row>
    <row r="125" spans="1:10" ht="18" customHeight="1" x14ac:dyDescent="0.2">
      <c r="A125" s="243" t="s">
        <v>115</v>
      </c>
      <c r="B125" s="244"/>
      <c r="C125" s="120">
        <f>+C9+C23+C57+C93+C112+C115+C121</f>
        <v>1916652520343</v>
      </c>
      <c r="D125" s="120">
        <f>+D9+D23+D57+D93+D112+D115+D121</f>
        <v>0</v>
      </c>
      <c r="E125" s="120">
        <f>+E9+E23+E57+E93+E112+E115+E121</f>
        <v>1916652520343</v>
      </c>
      <c r="F125" s="120">
        <f>+F9+F23+F57+F93+F112+F115+F121</f>
        <v>523459319107</v>
      </c>
      <c r="G125" s="120">
        <f>+G9+G23+G57+G93+G112+G115+G121</f>
        <v>1393193201236</v>
      </c>
      <c r="H125" s="125">
        <f t="shared" si="7"/>
        <v>0.27311122571832835</v>
      </c>
      <c r="I125" s="166"/>
    </row>
    <row r="126" spans="1:10" s="219" customFormat="1" ht="16.5" x14ac:dyDescent="0.2">
      <c r="A126" s="171"/>
      <c r="B126" s="171"/>
      <c r="C126" s="171"/>
      <c r="D126" s="171"/>
      <c r="E126" s="172">
        <f>+E125-1916652520343</f>
        <v>0</v>
      </c>
      <c r="F126" s="172"/>
      <c r="G126" s="171"/>
      <c r="H126" s="171"/>
      <c r="J126" s="167"/>
    </row>
    <row r="127" spans="1:10" x14ac:dyDescent="0.2">
      <c r="C127" s="173">
        <f>+'[8]Por G.G.'!B17</f>
        <v>1916652520343</v>
      </c>
      <c r="D127" s="173">
        <f>+'[8]Por G.G.'!C17</f>
        <v>0</v>
      </c>
      <c r="E127" s="173">
        <f>+'[8]Por G.G.'!D17</f>
        <v>1916652520343</v>
      </c>
      <c r="F127" s="173">
        <f>+'[8]Por G.G.'!E17</f>
        <v>523459319107</v>
      </c>
      <c r="G127" s="173">
        <f>+'[8]Por G.G.'!F17</f>
        <v>1393193201236</v>
      </c>
      <c r="H127" s="174">
        <f>+'[8]Por G.G.'!G17</f>
        <v>0.27311122571832835</v>
      </c>
    </row>
    <row r="128" spans="1:10" x14ac:dyDescent="0.2">
      <c r="C128" s="220">
        <f t="shared" ref="C128:H128" si="16">+C127-C125</f>
        <v>0</v>
      </c>
      <c r="D128" s="220">
        <f t="shared" si="16"/>
        <v>0</v>
      </c>
      <c r="E128" s="220">
        <f t="shared" si="16"/>
        <v>0</v>
      </c>
      <c r="F128" s="220">
        <f t="shared" si="16"/>
        <v>0</v>
      </c>
      <c r="G128" s="220">
        <f t="shared" si="16"/>
        <v>0</v>
      </c>
      <c r="H128" s="221">
        <f t="shared" si="16"/>
        <v>0</v>
      </c>
    </row>
  </sheetData>
  <mergeCells count="4">
    <mergeCell ref="A5:H5"/>
    <mergeCell ref="A6:H6"/>
    <mergeCell ref="A7:H7"/>
    <mergeCell ref="A125:B125"/>
  </mergeCells>
  <conditionalFormatting sqref="E100:G106 E58:G59 E120:G120 E122 F121:G121 E23:G55 E1:G9 E113:G114 E116:G117 E126:G1048576 E61:G74 E124 E76:G85 F10:G22 E88:G92 E108:G110 G124 G122">
    <cfRule type="cellIs" dxfId="39" priority="35" operator="lessThan">
      <formula>0</formula>
    </cfRule>
  </conditionalFormatting>
  <conditionalFormatting sqref="E95:G99">
    <cfRule type="cellIs" dxfId="38" priority="34" operator="lessThan">
      <formula>0</formula>
    </cfRule>
  </conditionalFormatting>
  <conditionalFormatting sqref="J124:J1048576 J76:J106 J112:J122 J1:J74 J108:J110">
    <cfRule type="cellIs" dxfId="37" priority="30" operator="greaterThan">
      <formula>0.2</formula>
    </cfRule>
    <cfRule type="cellIs" dxfId="36" priority="31" operator="greaterThan">
      <formula>0.2</formula>
    </cfRule>
    <cfRule type="cellIs" dxfId="35" priority="32" operator="greaterThan">
      <formula>0.1</formula>
    </cfRule>
    <cfRule type="cellIs" dxfId="34" priority="33" operator="greaterThan">
      <formula>0.1</formula>
    </cfRule>
  </conditionalFormatting>
  <conditionalFormatting sqref="E60:G60">
    <cfRule type="cellIs" dxfId="33" priority="29" operator="lessThan">
      <formula>0</formula>
    </cfRule>
  </conditionalFormatting>
  <conditionalFormatting sqref="E56:G56">
    <cfRule type="cellIs" dxfId="32" priority="28" operator="lessThan">
      <formula>0</formula>
    </cfRule>
  </conditionalFormatting>
  <conditionalFormatting sqref="E94:G94">
    <cfRule type="cellIs" dxfId="31" priority="27" operator="lessThan">
      <formula>0</formula>
    </cfRule>
  </conditionalFormatting>
  <conditionalFormatting sqref="E119 G119">
    <cfRule type="cellIs" dxfId="30" priority="26" operator="lessThan">
      <formula>0</formula>
    </cfRule>
  </conditionalFormatting>
  <conditionalFormatting sqref="E118:G118">
    <cfRule type="cellIs" dxfId="29" priority="25" operator="lessThan">
      <formula>0</formula>
    </cfRule>
  </conditionalFormatting>
  <conditionalFormatting sqref="E86:G87">
    <cfRule type="cellIs" dxfId="28" priority="24" operator="lessThan">
      <formula>0</formula>
    </cfRule>
  </conditionalFormatting>
  <conditionalFormatting sqref="E123 G123">
    <cfRule type="cellIs" dxfId="27" priority="23" operator="lessThan">
      <formula>0</formula>
    </cfRule>
  </conditionalFormatting>
  <conditionalFormatting sqref="J123">
    <cfRule type="cellIs" dxfId="26" priority="19" operator="greaterThan">
      <formula>0.2</formula>
    </cfRule>
    <cfRule type="cellIs" dxfId="25" priority="20" operator="greaterThan">
      <formula>0.2</formula>
    </cfRule>
    <cfRule type="cellIs" dxfId="24" priority="21" operator="greaterThan">
      <formula>0.1</formula>
    </cfRule>
    <cfRule type="cellIs" dxfId="23" priority="22" operator="greaterThan">
      <formula>0.1</formula>
    </cfRule>
  </conditionalFormatting>
  <conditionalFormatting sqref="E75:G75">
    <cfRule type="cellIs" dxfId="22" priority="18" operator="lessThan">
      <formula>0</formula>
    </cfRule>
  </conditionalFormatting>
  <conditionalFormatting sqref="J75">
    <cfRule type="cellIs" dxfId="21" priority="14" operator="greaterThan">
      <formula>0.2</formula>
    </cfRule>
    <cfRule type="cellIs" dxfId="20" priority="15" operator="greaterThan">
      <formula>0.2</formula>
    </cfRule>
    <cfRule type="cellIs" dxfId="19" priority="16" operator="greaterThan">
      <formula>0.1</formula>
    </cfRule>
    <cfRule type="cellIs" dxfId="18" priority="17" operator="greaterThan">
      <formula>0.1</formula>
    </cfRule>
  </conditionalFormatting>
  <conditionalFormatting sqref="E111:G111">
    <cfRule type="cellIs" dxfId="17" priority="13" operator="lessThan">
      <formula>0</formula>
    </cfRule>
  </conditionalFormatting>
  <conditionalFormatting sqref="J111">
    <cfRule type="cellIs" dxfId="16" priority="9" operator="greaterThan">
      <formula>0.2</formula>
    </cfRule>
    <cfRule type="cellIs" dxfId="15" priority="10" operator="greaterThan">
      <formula>0.2</formula>
    </cfRule>
    <cfRule type="cellIs" dxfId="14" priority="11" operator="greaterThan">
      <formula>0.1</formula>
    </cfRule>
    <cfRule type="cellIs" dxfId="13" priority="12" operator="greaterThan">
      <formula>0.1</formula>
    </cfRule>
  </conditionalFormatting>
  <conditionalFormatting sqref="E107:G107">
    <cfRule type="cellIs" dxfId="12" priority="8" operator="lessThan">
      <formula>0</formula>
    </cfRule>
  </conditionalFormatting>
  <conditionalFormatting sqref="J107">
    <cfRule type="cellIs" dxfId="11" priority="4" operator="greaterThan">
      <formula>0.2</formula>
    </cfRule>
    <cfRule type="cellIs" dxfId="10" priority="5" operator="greaterThan">
      <formula>0.2</formula>
    </cfRule>
    <cfRule type="cellIs" dxfId="9" priority="6" operator="greaterThan">
      <formula>0.1</formula>
    </cfRule>
    <cfRule type="cellIs" dxfId="8" priority="7" operator="greaterThan">
      <formula>0.1</formula>
    </cfRule>
  </conditionalFormatting>
  <conditionalFormatting sqref="F122 F124">
    <cfRule type="cellIs" dxfId="7" priority="3" operator="lessThan">
      <formula>0</formula>
    </cfRule>
  </conditionalFormatting>
  <conditionalFormatting sqref="F123">
    <cfRule type="cellIs" dxfId="6" priority="2" operator="lessThan">
      <formula>0</formula>
    </cfRule>
  </conditionalFormatting>
  <conditionalFormatting sqref="F119">
    <cfRule type="cellIs" dxfId="5" priority="1" operator="lessThan">
      <formula>0</formula>
    </cfRule>
  </conditionalFormatting>
  <printOptions horizontalCentered="1"/>
  <pageMargins left="0.31496062992125984" right="0.31496062992125984" top="0.47244094488188981" bottom="0.55118110236220474" header="0.31496062992125984" footer="0.35433070866141736"/>
  <pageSetup paperSize="9" scale="54" fitToHeight="0" orientation="portrait" r:id="rId1"/>
  <drawing r:id="rId2"/>
  <legacyDrawingHF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L20"/>
  <sheetViews>
    <sheetView view="pageBreakPreview" zoomScale="115" zoomScaleNormal="115" zoomScaleSheetLayoutView="115" workbookViewId="0">
      <selection activeCell="A7" sqref="A7:I7"/>
    </sheetView>
  </sheetViews>
  <sheetFormatPr baseColWidth="10" defaultRowHeight="12.75" x14ac:dyDescent="0.2"/>
  <cols>
    <col min="1" max="7" width="19.140625" style="10" customWidth="1"/>
    <col min="8" max="8" width="18.28515625" customWidth="1"/>
    <col min="9" max="9" width="18.7109375" customWidth="1"/>
    <col min="10" max="10" width="17.5703125" style="11" bestFit="1" customWidth="1"/>
    <col min="11" max="11" width="16.5703125" bestFit="1" customWidth="1"/>
  </cols>
  <sheetData>
    <row r="1" spans="1:12" s="134" customFormat="1" ht="18.75" customHeight="1" x14ac:dyDescent="0.2">
      <c r="J1" s="163"/>
    </row>
    <row r="2" spans="1:12" s="134" customFormat="1" ht="15" customHeight="1" x14ac:dyDescent="0.2">
      <c r="J2" s="163"/>
    </row>
    <row r="3" spans="1:12" s="134" customFormat="1" ht="14.25" customHeight="1" x14ac:dyDescent="0.2">
      <c r="J3" s="163"/>
    </row>
    <row r="4" spans="1:12" s="134" customFormat="1" x14ac:dyDescent="0.2">
      <c r="A4" s="135" t="s">
        <v>70</v>
      </c>
      <c r="B4" s="136"/>
      <c r="C4" s="136"/>
      <c r="D4" s="136"/>
      <c r="E4" s="136"/>
      <c r="F4" s="136"/>
      <c r="G4" s="136"/>
      <c r="H4" s="136"/>
      <c r="I4" s="136"/>
      <c r="J4" s="163"/>
    </row>
    <row r="5" spans="1:12" s="121" customFormat="1" ht="16.5" customHeight="1" x14ac:dyDescent="0.25">
      <c r="A5" s="235" t="s">
        <v>235</v>
      </c>
      <c r="B5" s="235"/>
      <c r="C5" s="235"/>
      <c r="D5" s="235"/>
      <c r="E5" s="235"/>
      <c r="F5" s="235"/>
      <c r="G5" s="235"/>
      <c r="H5" s="235"/>
      <c r="I5" s="235"/>
      <c r="J5" s="164"/>
    </row>
    <row r="6" spans="1:12" s="121" customFormat="1" ht="15.75" customHeight="1" x14ac:dyDescent="0.2">
      <c r="A6" s="223" t="s">
        <v>251</v>
      </c>
      <c r="B6" s="223"/>
      <c r="C6" s="223"/>
      <c r="D6" s="223"/>
      <c r="E6" s="223"/>
      <c r="F6" s="223"/>
      <c r="G6" s="223"/>
      <c r="H6" s="223"/>
      <c r="I6" s="223"/>
      <c r="J6" s="164"/>
    </row>
    <row r="7" spans="1:12" s="137" customFormat="1" ht="13.5" customHeight="1" x14ac:dyDescent="0.2">
      <c r="A7" s="252" t="s">
        <v>238</v>
      </c>
      <c r="B7" s="252"/>
      <c r="C7" s="252"/>
      <c r="D7" s="252"/>
      <c r="E7" s="252"/>
      <c r="F7" s="252"/>
      <c r="G7" s="252"/>
      <c r="H7" s="252"/>
      <c r="I7" s="252"/>
      <c r="J7" s="165"/>
    </row>
    <row r="8" spans="1:12" s="137" customFormat="1" ht="13.5" customHeight="1" x14ac:dyDescent="0.2">
      <c r="A8" s="176"/>
      <c r="B8" s="176"/>
      <c r="C8" s="176"/>
      <c r="D8" s="176"/>
      <c r="E8" s="176"/>
      <c r="F8" s="176"/>
      <c r="G8" s="176"/>
      <c r="H8" s="176"/>
      <c r="J8" s="165"/>
    </row>
    <row r="9" spans="1:12" ht="19.5" customHeight="1" x14ac:dyDescent="0.2">
      <c r="A9" s="253" t="s">
        <v>1</v>
      </c>
      <c r="B9" s="181" t="s">
        <v>42</v>
      </c>
      <c r="C9" s="181" t="s">
        <v>34</v>
      </c>
      <c r="D9" s="181" t="s">
        <v>73</v>
      </c>
      <c r="E9" s="181" t="s">
        <v>35</v>
      </c>
      <c r="F9" s="181" t="s">
        <v>74</v>
      </c>
      <c r="G9" s="181" t="s">
        <v>36</v>
      </c>
      <c r="H9" s="253" t="s">
        <v>209</v>
      </c>
      <c r="I9" s="255" t="s">
        <v>75</v>
      </c>
    </row>
    <row r="10" spans="1:12" ht="19.5" customHeight="1" x14ac:dyDescent="0.2">
      <c r="A10" s="254"/>
      <c r="B10" s="181" t="s">
        <v>37</v>
      </c>
      <c r="C10" s="181" t="s">
        <v>38</v>
      </c>
      <c r="D10" s="181" t="s">
        <v>76</v>
      </c>
      <c r="E10" s="181" t="s">
        <v>39</v>
      </c>
      <c r="F10" s="181" t="s">
        <v>40</v>
      </c>
      <c r="G10" s="181" t="s">
        <v>41</v>
      </c>
      <c r="H10" s="254"/>
      <c r="I10" s="256"/>
    </row>
    <row r="11" spans="1:12" s="2" customFormat="1" ht="20.25" customHeight="1" x14ac:dyDescent="0.3">
      <c r="A11" s="182"/>
      <c r="B11" s="182" t="s">
        <v>77</v>
      </c>
      <c r="C11" s="183"/>
      <c r="D11" s="183"/>
      <c r="E11" s="183"/>
      <c r="F11" s="183"/>
      <c r="G11" s="183"/>
      <c r="H11" s="184"/>
      <c r="I11" s="180"/>
      <c r="J11" s="11"/>
      <c r="K11"/>
      <c r="L11"/>
    </row>
    <row r="12" spans="1:12" ht="19.5" customHeight="1" x14ac:dyDescent="0.2">
      <c r="A12" s="250">
        <f>+'Por O.G.'!E10</f>
        <v>956559798828</v>
      </c>
      <c r="B12" s="185">
        <v>72614433216</v>
      </c>
      <c r="C12" s="185">
        <v>73004215797</v>
      </c>
      <c r="D12" s="185">
        <v>76728459592</v>
      </c>
      <c r="E12" s="185">
        <v>74474580258</v>
      </c>
      <c r="F12" s="185">
        <v>0</v>
      </c>
      <c r="G12" s="185">
        <v>0</v>
      </c>
      <c r="H12" s="245">
        <f>+B12+C12+D12+E12+F12+G12+B13+C13+D13+E13+F13+G13</f>
        <v>296821688863</v>
      </c>
      <c r="I12" s="247">
        <f>+A12-H12</f>
        <v>659738109965</v>
      </c>
      <c r="J12" s="25"/>
      <c r="K12" s="25"/>
    </row>
    <row r="13" spans="1:12" ht="19.5" customHeight="1" x14ac:dyDescent="0.2">
      <c r="A13" s="251"/>
      <c r="B13" s="185">
        <v>0</v>
      </c>
      <c r="C13" s="185">
        <v>0</v>
      </c>
      <c r="D13" s="185">
        <v>0</v>
      </c>
      <c r="E13" s="185">
        <v>0</v>
      </c>
      <c r="F13" s="185">
        <v>0</v>
      </c>
      <c r="G13" s="185">
        <v>0</v>
      </c>
      <c r="H13" s="246"/>
      <c r="I13" s="248"/>
      <c r="J13" s="25">
        <f>+H12-'Por O.G.'!F10</f>
        <v>0</v>
      </c>
    </row>
    <row r="14" spans="1:12" s="26" customFormat="1" ht="20.25" customHeight="1" x14ac:dyDescent="0.3">
      <c r="A14" s="186"/>
      <c r="B14" s="249" t="s">
        <v>78</v>
      </c>
      <c r="C14" s="249"/>
      <c r="D14" s="249"/>
      <c r="E14" s="249"/>
      <c r="F14" s="249"/>
      <c r="G14" s="249"/>
      <c r="H14" s="249"/>
      <c r="I14" s="249"/>
      <c r="J14"/>
    </row>
    <row r="15" spans="1:12" ht="19.5" customHeight="1" x14ac:dyDescent="0.2">
      <c r="A15" s="247">
        <f>+'Por O.G.'!E11</f>
        <v>55953481200</v>
      </c>
      <c r="B15" s="185">
        <v>4027952600</v>
      </c>
      <c r="C15" s="185">
        <v>4062615100</v>
      </c>
      <c r="D15" s="185">
        <v>4185952600</v>
      </c>
      <c r="E15" s="185">
        <v>4089677600</v>
      </c>
      <c r="F15" s="185">
        <v>0</v>
      </c>
      <c r="G15" s="185">
        <v>0</v>
      </c>
      <c r="H15" s="247">
        <f>G15+B16+C16+D16+E16+F16+G16+B15+C15+D15+E15+F15</f>
        <v>16366197900</v>
      </c>
      <c r="I15" s="247">
        <f>+A15-H15</f>
        <v>39587283300</v>
      </c>
      <c r="J15" s="25"/>
      <c r="K15" s="25"/>
    </row>
    <row r="16" spans="1:12" ht="19.5" customHeight="1" x14ac:dyDescent="0.2">
      <c r="A16" s="248"/>
      <c r="B16" s="185">
        <v>0</v>
      </c>
      <c r="C16" s="185">
        <v>0</v>
      </c>
      <c r="D16" s="185">
        <v>0</v>
      </c>
      <c r="E16" s="185">
        <v>0</v>
      </c>
      <c r="F16" s="185">
        <v>0</v>
      </c>
      <c r="G16" s="185">
        <v>0</v>
      </c>
      <c r="H16" s="248"/>
      <c r="I16" s="248"/>
      <c r="J16" s="25"/>
      <c r="K16" s="26"/>
    </row>
    <row r="17" spans="1:11" ht="19.5" customHeight="1" x14ac:dyDescent="0.2">
      <c r="A17" s="43"/>
      <c r="B17" s="43"/>
      <c r="C17" s="43"/>
      <c r="D17" s="43"/>
      <c r="E17" s="43"/>
      <c r="F17" s="43"/>
      <c r="G17" s="43"/>
      <c r="H17" s="43"/>
      <c r="I17" s="44"/>
      <c r="J17" s="25"/>
    </row>
    <row r="18" spans="1:11" x14ac:dyDescent="0.2">
      <c r="A18" s="43"/>
      <c r="B18" s="43"/>
      <c r="C18" s="43"/>
      <c r="D18" s="43"/>
      <c r="E18" s="43"/>
      <c r="F18" s="43"/>
      <c r="G18" s="43"/>
      <c r="H18" s="44"/>
      <c r="I18" s="44"/>
      <c r="J18"/>
      <c r="K18" s="26"/>
    </row>
    <row r="19" spans="1:11" x14ac:dyDescent="0.2">
      <c r="A19" s="45"/>
      <c r="B19" s="43"/>
      <c r="C19" s="43"/>
      <c r="D19" s="43"/>
      <c r="E19" s="43"/>
      <c r="F19" s="43"/>
      <c r="G19" s="43"/>
      <c r="H19" s="44"/>
      <c r="I19" s="44"/>
    </row>
    <row r="20" spans="1:11" x14ac:dyDescent="0.2">
      <c r="A20" s="43"/>
      <c r="B20" s="43"/>
      <c r="C20" s="43"/>
      <c r="D20" s="43"/>
      <c r="E20" s="43"/>
      <c r="F20" s="43"/>
      <c r="G20" s="43"/>
      <c r="H20" s="44"/>
      <c r="I20" s="44"/>
    </row>
  </sheetData>
  <mergeCells count="13">
    <mergeCell ref="A5:I5"/>
    <mergeCell ref="A6:I6"/>
    <mergeCell ref="A7:I7"/>
    <mergeCell ref="A9:A10"/>
    <mergeCell ref="H9:H10"/>
    <mergeCell ref="I9:I10"/>
    <mergeCell ref="H12:H13"/>
    <mergeCell ref="I12:I13"/>
    <mergeCell ref="B14:I14"/>
    <mergeCell ref="A15:A16"/>
    <mergeCell ref="H15:H16"/>
    <mergeCell ref="I15:I16"/>
    <mergeCell ref="A12:A13"/>
  </mergeCells>
  <conditionalFormatting sqref="E1:G4 E6:G8">
    <cfRule type="cellIs" dxfId="4" priority="5" operator="lessThan">
      <formula>0</formula>
    </cfRule>
  </conditionalFormatting>
  <conditionalFormatting sqref="J1:J8">
    <cfRule type="cellIs" dxfId="3" priority="1" operator="greaterThan">
      <formula>0.2</formula>
    </cfRule>
    <cfRule type="cellIs" dxfId="2" priority="2" operator="greaterThan">
      <formula>0.2</formula>
    </cfRule>
    <cfRule type="cellIs" dxfId="1" priority="3" operator="greaterThan">
      <formula>0.1</formula>
    </cfRule>
    <cfRule type="cellIs" dxfId="0" priority="4" operator="greaterThan">
      <formula>0.1</formula>
    </cfRule>
  </conditionalFormatting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6</vt:i4>
      </vt:variant>
    </vt:vector>
  </HeadingPairs>
  <TitlesOfParts>
    <vt:vector size="11" baseType="lpstr">
      <vt:lpstr>Ingresos</vt:lpstr>
      <vt:lpstr>GRUPO DE GASTOS</vt:lpstr>
      <vt:lpstr>Por Prog-Subpr</vt:lpstr>
      <vt:lpstr>Por O.G.</vt:lpstr>
      <vt:lpstr>Anexo del Personal</vt:lpstr>
      <vt:lpstr>'Anexo del Personal'!Área_de_impresión</vt:lpstr>
      <vt:lpstr>'GRUPO DE GASTOS'!Área_de_impresión</vt:lpstr>
      <vt:lpstr>Ingresos!Área_de_impresión</vt:lpstr>
      <vt:lpstr>'Por O.G.'!Área_de_impresión</vt:lpstr>
      <vt:lpstr>'Por Prog-Subpr'!Área_de_impresión</vt:lpstr>
      <vt:lpstr>'Por O.G.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Rodrigo Manuel Guerrero Britez</cp:lastModifiedBy>
  <cp:lastPrinted>2026-05-08T15:52:55Z</cp:lastPrinted>
  <dcterms:created xsi:type="dcterms:W3CDTF">2006-11-29T12:51:21Z</dcterms:created>
  <dcterms:modified xsi:type="dcterms:W3CDTF">2026-05-08T15:53:32Z</dcterms:modified>
</cp:coreProperties>
</file>